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山王橋" sheetId="1" r:id="rId1"/>
    <sheet name="函嶺もみじ橋" sheetId="2" r:id="rId2"/>
    <sheet name="早川橋" sheetId="3" r:id="rId3"/>
    <sheet name="吉浜橋" sheetId="4" r:id="rId4"/>
    <sheet name="千歳橋" sheetId="5" r:id="rId5"/>
  </sheets>
  <calcPr calcId="0"/>
</workbook>
</file>

<file path=xl/sharedStrings.xml><?xml version="1.0" encoding="utf-8"?>
<sst xmlns="http://schemas.openxmlformats.org/spreadsheetml/2006/main" count="3615" uniqueCount="531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雨</t>
  </si>
  <si>
    <t>16.5</t>
  </si>
  <si>
    <t>14.5</t>
  </si>
  <si>
    <t>0.19</t>
  </si>
  <si>
    <t>0.95</t>
  </si>
  <si>
    <t>&gt;100</t>
  </si>
  <si>
    <t>通常の状況</t>
  </si>
  <si>
    <t>無色</t>
  </si>
  <si>
    <t>無臭</t>
  </si>
  <si>
    <t>8.0</t>
  </si>
  <si>
    <t>0.9</t>
  </si>
  <si>
    <t>1.7</t>
  </si>
  <si>
    <t>2</t>
  </si>
  <si>
    <t>曇り</t>
  </si>
  <si>
    <t>18.3</t>
  </si>
  <si>
    <t>17.0</t>
  </si>
  <si>
    <t>0.20</t>
  </si>
  <si>
    <t>0.98</t>
  </si>
  <si>
    <t>48</t>
  </si>
  <si>
    <t>濁り多し（上流または近海で工事のため）</t>
  </si>
  <si>
    <t>褐色・中</t>
  </si>
  <si>
    <t>8.3</t>
  </si>
  <si>
    <t>2.4</t>
  </si>
  <si>
    <t>4.8</t>
  </si>
  <si>
    <t>10</t>
  </si>
  <si>
    <t>15.8</t>
  </si>
  <si>
    <t>0.97</t>
  </si>
  <si>
    <t>黄色・淡（明）</t>
  </si>
  <si>
    <t>7.8</t>
  </si>
  <si>
    <t>1.4</t>
  </si>
  <si>
    <t>2.5</t>
  </si>
  <si>
    <t>5</t>
  </si>
  <si>
    <t>2018/04/12</t>
  </si>
  <si>
    <t>17.5</t>
  </si>
  <si>
    <t>16.0</t>
  </si>
  <si>
    <t>0.96</t>
  </si>
  <si>
    <t>7.9</t>
  </si>
  <si>
    <t>2.2</t>
  </si>
  <si>
    <t>4</t>
  </si>
  <si>
    <t>2018/05/16</t>
  </si>
  <si>
    <t>晴れ</t>
  </si>
  <si>
    <t>降雨なし</t>
  </si>
  <si>
    <t>24.1</t>
  </si>
  <si>
    <t>20.3</t>
  </si>
  <si>
    <t>1.83</t>
  </si>
  <si>
    <t>0.10</t>
  </si>
  <si>
    <t>0.49</t>
  </si>
  <si>
    <t>0.8</t>
  </si>
  <si>
    <t>1.8</t>
  </si>
  <si>
    <t>3</t>
  </si>
  <si>
    <t>28.8</t>
  </si>
  <si>
    <t>22.2</t>
  </si>
  <si>
    <t>1.55</t>
  </si>
  <si>
    <t>0.09</t>
  </si>
  <si>
    <t>0.45</t>
  </si>
  <si>
    <t>8.2</t>
  </si>
  <si>
    <t>1.9</t>
  </si>
  <si>
    <t>21.6</t>
  </si>
  <si>
    <t>18.7</t>
  </si>
  <si>
    <t>1.66</t>
  </si>
  <si>
    <t>0.46</t>
  </si>
  <si>
    <t>0.4</t>
  </si>
  <si>
    <t>1.6</t>
  </si>
  <si>
    <t>2018/05/17</t>
  </si>
  <si>
    <t>20.6</t>
  </si>
  <si>
    <t>17.8</t>
  </si>
  <si>
    <t>1.73</t>
  </si>
  <si>
    <t>0.47</t>
  </si>
  <si>
    <t>0.7</t>
  </si>
  <si>
    <t>2018/06/06</t>
  </si>
  <si>
    <t>20.0</t>
  </si>
  <si>
    <t>19.7</t>
  </si>
  <si>
    <t>0.25</t>
  </si>
  <si>
    <t>1.87</t>
  </si>
  <si>
    <t>0.08</t>
  </si>
  <si>
    <t>0.39</t>
  </si>
  <si>
    <t>68</t>
  </si>
  <si>
    <t>褐色・淡（明）</t>
  </si>
  <si>
    <t>1.3</t>
  </si>
  <si>
    <t>4.0</t>
  </si>
  <si>
    <t>12</t>
  </si>
  <si>
    <t>2.26</t>
  </si>
  <si>
    <t>0.44</t>
  </si>
  <si>
    <t>25</t>
  </si>
  <si>
    <t>褐色・濃（暗）</t>
  </si>
  <si>
    <t>土臭（微）</t>
  </si>
  <si>
    <t>5.9</t>
  </si>
  <si>
    <t>31</t>
  </si>
  <si>
    <t>19.3</t>
  </si>
  <si>
    <t>2.35</t>
  </si>
  <si>
    <t>94</t>
  </si>
  <si>
    <t>3.0</t>
  </si>
  <si>
    <t>6</t>
  </si>
  <si>
    <t>2018/06/07</t>
  </si>
  <si>
    <t>18.8</t>
  </si>
  <si>
    <t>2018/07/04</t>
  </si>
  <si>
    <t>27.5</t>
  </si>
  <si>
    <t>22.5</t>
  </si>
  <si>
    <t>0.07</t>
  </si>
  <si>
    <t>0.89</t>
  </si>
  <si>
    <t>0.13</t>
  </si>
  <si>
    <t>0.65</t>
  </si>
  <si>
    <t>2.8</t>
  </si>
  <si>
    <t>29.2</t>
  </si>
  <si>
    <t>2.03</t>
  </si>
  <si>
    <t>0.11</t>
  </si>
  <si>
    <t>0.57</t>
  </si>
  <si>
    <t>8.1</t>
  </si>
  <si>
    <t>0.5</t>
  </si>
  <si>
    <t>28.3</t>
  </si>
  <si>
    <t>22.8</t>
  </si>
  <si>
    <t>0.85</t>
  </si>
  <si>
    <t>0.66</t>
  </si>
  <si>
    <t>2.3</t>
  </si>
  <si>
    <t>2018/07/05</t>
  </si>
  <si>
    <t>26.2</t>
  </si>
  <si>
    <t>22.4</t>
  </si>
  <si>
    <t>0.17</t>
  </si>
  <si>
    <t>1.85</t>
  </si>
  <si>
    <t>0.12</t>
  </si>
  <si>
    <t>0.62</t>
  </si>
  <si>
    <t>83</t>
  </si>
  <si>
    <t>4.1</t>
  </si>
  <si>
    <t>14</t>
  </si>
  <si>
    <t>2018/08/01</t>
  </si>
  <si>
    <t>33.1</t>
  </si>
  <si>
    <t>34.3</t>
  </si>
  <si>
    <t>27.9</t>
  </si>
  <si>
    <t>0.02</t>
  </si>
  <si>
    <t>0.14</t>
  </si>
  <si>
    <t>0.68</t>
  </si>
  <si>
    <t>0.2</t>
  </si>
  <si>
    <t>24.0</t>
  </si>
  <si>
    <t>0.32</t>
  </si>
  <si>
    <t>7.7</t>
  </si>
  <si>
    <t>0.3</t>
  </si>
  <si>
    <t>2.1</t>
  </si>
  <si>
    <t>2018/08/02</t>
  </si>
  <si>
    <t>26.8</t>
  </si>
  <si>
    <t>22.6</t>
  </si>
  <si>
    <t>0.33</t>
  </si>
  <si>
    <t>0.67</t>
  </si>
  <si>
    <t>2018/09/12</t>
  </si>
  <si>
    <t>19.8</t>
  </si>
  <si>
    <t>1.91</t>
  </si>
  <si>
    <t>0.59</t>
  </si>
  <si>
    <t>23.7</t>
  </si>
  <si>
    <t>2.30</t>
  </si>
  <si>
    <t>2.0</t>
  </si>
  <si>
    <t>19.1</t>
  </si>
  <si>
    <t>2.39</t>
  </si>
  <si>
    <t>0.63</t>
  </si>
  <si>
    <t>1.0</t>
  </si>
  <si>
    <t>2018/09/13</t>
  </si>
  <si>
    <t>18.4</t>
  </si>
  <si>
    <t>2.18</t>
  </si>
  <si>
    <t>0.61</t>
  </si>
  <si>
    <t>2018/10/10</t>
  </si>
  <si>
    <t>20.5</t>
  </si>
  <si>
    <t>0.93</t>
  </si>
  <si>
    <t>1.1</t>
  </si>
  <si>
    <t>24.6</t>
  </si>
  <si>
    <t>21.8</t>
  </si>
  <si>
    <t>0.94</t>
  </si>
  <si>
    <t>0.38</t>
  </si>
  <si>
    <t>1.5</t>
  </si>
  <si>
    <t>21.2</t>
  </si>
  <si>
    <t>19.2</t>
  </si>
  <si>
    <t>0.37</t>
  </si>
  <si>
    <t>1</t>
  </si>
  <si>
    <t>2018/10/11</t>
  </si>
  <si>
    <t>18.9</t>
  </si>
  <si>
    <t>0.99</t>
  </si>
  <si>
    <t>2018/11/07</t>
  </si>
  <si>
    <t>18.2</t>
  </si>
  <si>
    <t>0.18</t>
  </si>
  <si>
    <t>0.90</t>
  </si>
  <si>
    <t>8.5</t>
  </si>
  <si>
    <t>16.6</t>
  </si>
  <si>
    <t>2018/11/08</t>
  </si>
  <si>
    <t>12.1</t>
  </si>
  <si>
    <t>15.2</t>
  </si>
  <si>
    <t>0.91</t>
  </si>
  <si>
    <t>0.6</t>
  </si>
  <si>
    <t>2018/12/05</t>
  </si>
  <si>
    <t>0.03</t>
  </si>
  <si>
    <t>0.22</t>
  </si>
  <si>
    <t>49</t>
  </si>
  <si>
    <t>4.4</t>
  </si>
  <si>
    <t>9</t>
  </si>
  <si>
    <t>17.7</t>
  </si>
  <si>
    <t>0.52</t>
  </si>
  <si>
    <t>74</t>
  </si>
  <si>
    <t>3.4</t>
  </si>
  <si>
    <t>16.1</t>
  </si>
  <si>
    <t>0.21</t>
  </si>
  <si>
    <t>89</t>
  </si>
  <si>
    <t>2018/12/06</t>
  </si>
  <si>
    <t>12.4</t>
  </si>
  <si>
    <t>15.3</t>
  </si>
  <si>
    <t>0.55</t>
  </si>
  <si>
    <t>2019/01/09</t>
  </si>
  <si>
    <t>7.0</t>
  </si>
  <si>
    <t>0.50</t>
  </si>
  <si>
    <t>&lt;1</t>
  </si>
  <si>
    <t>10.1</t>
  </si>
  <si>
    <t>10.8</t>
  </si>
  <si>
    <t>8.7</t>
  </si>
  <si>
    <t>2.6</t>
  </si>
  <si>
    <t>0.56</t>
  </si>
  <si>
    <t>2019/01/10</t>
  </si>
  <si>
    <t>6.9</t>
  </si>
  <si>
    <t>2019/02/13</t>
  </si>
  <si>
    <t>7.2</t>
  </si>
  <si>
    <t>0</t>
  </si>
  <si>
    <t>11.0</t>
  </si>
  <si>
    <t>1.2</t>
  </si>
  <si>
    <t>5.0</t>
  </si>
  <si>
    <t>9.6</t>
  </si>
  <si>
    <t>2019/02/14</t>
  </si>
  <si>
    <t>8.9</t>
  </si>
  <si>
    <t>2019/03/06</t>
  </si>
  <si>
    <t>12.0</t>
  </si>
  <si>
    <t>13.7</t>
  </si>
  <si>
    <t>0.72</t>
  </si>
  <si>
    <t>13.0</t>
  </si>
  <si>
    <t>14.6</t>
  </si>
  <si>
    <t>11.7</t>
  </si>
  <si>
    <t>13.9</t>
  </si>
  <si>
    <t>0.16</t>
  </si>
  <si>
    <t>0.80</t>
  </si>
  <si>
    <t>2019/03/07</t>
  </si>
  <si>
    <t>10.2</t>
  </si>
  <si>
    <t>12.5</t>
  </si>
  <si>
    <t>0.84</t>
  </si>
  <si>
    <t>3.6</t>
  </si>
  <si>
    <t>8</t>
  </si>
  <si>
    <t>一時雨</t>
  </si>
  <si>
    <t>15.0</t>
  </si>
  <si>
    <t>0.79</t>
  </si>
  <si>
    <t>2018/05/22</t>
  </si>
  <si>
    <t>17.2</t>
  </si>
  <si>
    <t>0.64</t>
  </si>
  <si>
    <t>2018/06/05</t>
  </si>
  <si>
    <t>25.2</t>
  </si>
  <si>
    <t>18.5</t>
  </si>
  <si>
    <t>0.54</t>
  </si>
  <si>
    <t>24.8</t>
  </si>
  <si>
    <t>2018/08/21</t>
  </si>
  <si>
    <t>24.4</t>
  </si>
  <si>
    <t>21.7</t>
  </si>
  <si>
    <t>2018/09/20</t>
  </si>
  <si>
    <t>2018/10/03</t>
  </si>
  <si>
    <t>19.0</t>
  </si>
  <si>
    <t>17.4</t>
  </si>
  <si>
    <t>流量大（大雨、雪どけのため）</t>
  </si>
  <si>
    <t>16.2</t>
  </si>
  <si>
    <t>15.5</t>
  </si>
  <si>
    <t>2018/12/14</t>
  </si>
  <si>
    <t>6.8</t>
  </si>
  <si>
    <t>10.5</t>
  </si>
  <si>
    <t>快晴</t>
  </si>
  <si>
    <t>9.7</t>
  </si>
  <si>
    <t>2019/02/05</t>
  </si>
  <si>
    <t>11.4</t>
  </si>
  <si>
    <t>94.0</t>
  </si>
  <si>
    <t>その他</t>
  </si>
  <si>
    <t>12.8</t>
  </si>
  <si>
    <t>21.1</t>
  </si>
  <si>
    <t>3.37</t>
  </si>
  <si>
    <t>16.3</t>
  </si>
  <si>
    <t>3.60</t>
  </si>
  <si>
    <t>84</t>
  </si>
  <si>
    <t>3.2</t>
  </si>
  <si>
    <t>7</t>
  </si>
  <si>
    <t>14.9</t>
  </si>
  <si>
    <t>3.55</t>
  </si>
  <si>
    <t>17.6</t>
  </si>
  <si>
    <t>3.43</t>
  </si>
  <si>
    <t>25.1</t>
  </si>
  <si>
    <t>8.77</t>
  </si>
  <si>
    <t>0.06</t>
  </si>
  <si>
    <t>0.28</t>
  </si>
  <si>
    <t>28.1</t>
  </si>
  <si>
    <t>21.3</t>
  </si>
  <si>
    <t>5.93</t>
  </si>
  <si>
    <t>0.05</t>
  </si>
  <si>
    <t>0.23</t>
  </si>
  <si>
    <t>21.4</t>
  </si>
  <si>
    <t>0.81</t>
  </si>
  <si>
    <t>6.07</t>
  </si>
  <si>
    <t>17.9</t>
  </si>
  <si>
    <t>0.82</t>
  </si>
  <si>
    <t>6.21</t>
  </si>
  <si>
    <t>20.2</t>
  </si>
  <si>
    <t>18.1</t>
  </si>
  <si>
    <t>0.04</t>
  </si>
  <si>
    <t>95</t>
  </si>
  <si>
    <t>2.7</t>
  </si>
  <si>
    <t>88</t>
  </si>
  <si>
    <t>19.6</t>
  </si>
  <si>
    <t>18.6</t>
  </si>
  <si>
    <t>27.7</t>
  </si>
  <si>
    <t>21.5</t>
  </si>
  <si>
    <t>3.99</t>
  </si>
  <si>
    <t>0.15</t>
  </si>
  <si>
    <t>23.4</t>
  </si>
  <si>
    <t>0.69</t>
  </si>
  <si>
    <t>4.25</t>
  </si>
  <si>
    <t>4.47</t>
  </si>
  <si>
    <t>25.8</t>
  </si>
  <si>
    <t>4.45</t>
  </si>
  <si>
    <t>32.3</t>
  </si>
  <si>
    <t>24.3</t>
  </si>
  <si>
    <t>0.26</t>
  </si>
  <si>
    <t>29</t>
  </si>
  <si>
    <t>23.1</t>
  </si>
  <si>
    <t>0.27</t>
  </si>
  <si>
    <t>27.1</t>
  </si>
  <si>
    <t>23.5</t>
  </si>
  <si>
    <t>19.5</t>
  </si>
  <si>
    <t>0.53</t>
  </si>
  <si>
    <t>0.51</t>
  </si>
  <si>
    <t>23.8</t>
  </si>
  <si>
    <t>20.8</t>
  </si>
  <si>
    <t>0.58</t>
  </si>
  <si>
    <t>8.4</t>
  </si>
  <si>
    <t>11.8</t>
  </si>
  <si>
    <t>17.1</t>
  </si>
  <si>
    <t>64</t>
  </si>
  <si>
    <t>91</t>
  </si>
  <si>
    <t>15.9</t>
  </si>
  <si>
    <t>12.2</t>
  </si>
  <si>
    <t>7.5</t>
  </si>
  <si>
    <t>3.18</t>
  </si>
  <si>
    <t>9.8</t>
  </si>
  <si>
    <t>0.48</t>
  </si>
  <si>
    <t>3.30</t>
  </si>
  <si>
    <t>3.09</t>
  </si>
  <si>
    <t>7.4</t>
  </si>
  <si>
    <t>2.93</t>
  </si>
  <si>
    <t>8.8</t>
  </si>
  <si>
    <t>13.1</t>
  </si>
  <si>
    <t>2.97</t>
  </si>
  <si>
    <t>13.3</t>
  </si>
  <si>
    <t>4.7</t>
  </si>
  <si>
    <t>5.1</t>
  </si>
  <si>
    <t>2.78</t>
  </si>
  <si>
    <t>2.84</t>
  </si>
  <si>
    <t>4.01</t>
  </si>
  <si>
    <t>14.0</t>
  </si>
  <si>
    <t>13.5</t>
  </si>
  <si>
    <t>4.06</t>
  </si>
  <si>
    <t>60</t>
  </si>
  <si>
    <t>4.3</t>
  </si>
  <si>
    <t>11.5</t>
  </si>
  <si>
    <t>13.4</t>
  </si>
  <si>
    <t>3.66</t>
  </si>
  <si>
    <t>10.0</t>
  </si>
  <si>
    <t>12.9</t>
  </si>
  <si>
    <t>3.52</t>
  </si>
  <si>
    <t>15.7</t>
  </si>
  <si>
    <t>0.43</t>
  </si>
  <si>
    <t>16.8</t>
  </si>
  <si>
    <t>22.0</t>
  </si>
  <si>
    <t>0.30</t>
  </si>
  <si>
    <t>27.2</t>
  </si>
  <si>
    <t>0.42</t>
  </si>
  <si>
    <t>21.0</t>
  </si>
  <si>
    <t>0.83</t>
  </si>
  <si>
    <t>0.29</t>
  </si>
  <si>
    <t>10mm以上20mm未満</t>
  </si>
  <si>
    <t>15.6</t>
  </si>
  <si>
    <t>10.7</t>
  </si>
  <si>
    <t>0.065</t>
  </si>
  <si>
    <t>0.24</t>
  </si>
  <si>
    <t>0.60</t>
  </si>
  <si>
    <t>0.056</t>
  </si>
  <si>
    <t>7.6</t>
  </si>
  <si>
    <t>12.3</t>
  </si>
  <si>
    <t>12.6</t>
  </si>
  <si>
    <t>0.34</t>
  </si>
  <si>
    <t>25.0</t>
  </si>
  <si>
    <t>29.5</t>
  </si>
  <si>
    <t>26.5</t>
  </si>
  <si>
    <t>0.36</t>
  </si>
  <si>
    <t>0.40</t>
  </si>
  <si>
    <t>24.5</t>
  </si>
  <si>
    <t>3.9</t>
  </si>
  <si>
    <t>0.35</t>
  </si>
  <si>
    <t>10.4</t>
  </si>
  <si>
    <t>13.2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山王川</t>
  </si>
  <si>
    <t>山王橋(14-018-01)</t>
  </si>
  <si>
    <t>河川B</t>
  </si>
  <si>
    <t>小田原市</t>
  </si>
  <si>
    <t>ＤＯ</t>
  </si>
  <si>
    <t>単位</t>
  </si>
  <si>
    <t>時：分</t>
  </si>
  <si>
    <t>℃</t>
  </si>
  <si>
    <t>m/s</t>
  </si>
  <si>
    <t>ｍ</t>
  </si>
  <si>
    <t>㎝</t>
  </si>
  <si>
    <t>流心（中央）</t>
  </si>
  <si>
    <t>早川</t>
  </si>
  <si>
    <t>函嶺もみじ橋(14-019-51)</t>
  </si>
  <si>
    <t>河川A</t>
  </si>
  <si>
    <t>神奈川県</t>
  </si>
  <si>
    <t>5mm以上10mm未満</t>
  </si>
  <si>
    <t>0mm以上5mm未満</t>
  </si>
  <si>
    <t>早川橋(14-019-01)</t>
  </si>
  <si>
    <t>新崎川</t>
  </si>
  <si>
    <t>吉浜橋(14-020-01)</t>
  </si>
  <si>
    <t>千歳川</t>
  </si>
  <si>
    <t>千歳橋(14-021-01)</t>
  </si>
  <si>
    <t>ｎ-ヘキサン抽出物質</t>
  </si>
  <si>
    <t>鉛</t>
  </si>
  <si>
    <t>MPN/100mL</t>
  </si>
  <si>
    <t>&lt;0.0003</t>
  </si>
  <si>
    <t>&lt;0.01</t>
  </si>
  <si>
    <t>&lt;0.0005</t>
  </si>
  <si>
    <t>&lt;0.02</t>
  </si>
  <si>
    <t>&lt;0.0002</t>
  </si>
  <si>
    <t>&lt;0.5</t>
  </si>
  <si>
    <t>&lt;0.0001</t>
  </si>
  <si>
    <t>1，3-ジクロロプロペン</t>
  </si>
  <si>
    <t>銅</t>
  </si>
  <si>
    <t>溶解性鉄</t>
  </si>
  <si>
    <t>&lt;0.08</t>
  </si>
  <si>
    <t>&lt;0.05</t>
  </si>
  <si>
    <t>&lt;0.005</t>
  </si>
  <si>
    <t>&lt;0.0004</t>
  </si>
  <si>
    <t>有機りん</t>
  </si>
  <si>
    <t>mS/m</t>
  </si>
  <si>
    <t>‰</t>
  </si>
  <si>
    <t>&lt;0.04</t>
  </si>
  <si>
    <t>&lt;0.03</t>
  </si>
  <si>
    <t>&lt;0.001</t>
  </si>
  <si>
    <t>1，1，1-トリクロロエタン</t>
  </si>
  <si>
    <t>μg/L</t>
  </si>
  <si>
    <t>1,4-ジオキサン</t>
    <phoneticPr fontId="18"/>
  </si>
  <si>
    <t>1,4-ジオキサン</t>
    <phoneticPr fontId="18"/>
  </si>
  <si>
    <t>1,4-ジオキサン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LAS</t>
    <phoneticPr fontId="18"/>
  </si>
  <si>
    <t>&lt;0.00006</t>
  </si>
  <si>
    <t>0.0036</t>
  </si>
  <si>
    <t>0.0076</t>
  </si>
  <si>
    <t/>
  </si>
  <si>
    <t>0.0017</t>
  </si>
  <si>
    <t>0.0059</t>
  </si>
  <si>
    <t>0.017</t>
  </si>
  <si>
    <t>0.0022</t>
  </si>
  <si>
    <t>0.009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76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6</v>
      </c>
      <c r="C1" s="1" t="s">
        <v>1</v>
      </c>
      <c r="D1" s="1" t="s">
        <v>467</v>
      </c>
      <c r="E1" s="1" t="s">
        <v>2</v>
      </c>
      <c r="F1" s="1" t="s">
        <v>468</v>
      </c>
      <c r="G1" s="1" t="s">
        <v>3</v>
      </c>
      <c r="H1" s="1" t="s">
        <v>46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0</v>
      </c>
      <c r="V2" s="1" t="s">
        <v>419</v>
      </c>
      <c r="W2" s="1" t="s">
        <v>489</v>
      </c>
      <c r="X2" s="1" t="s">
        <v>420</v>
      </c>
      <c r="Y2" s="1" t="s">
        <v>421</v>
      </c>
      <c r="Z2" s="1" t="s">
        <v>422</v>
      </c>
      <c r="AA2" s="1" t="s">
        <v>518</v>
      </c>
      <c r="AB2" s="1" t="s">
        <v>521</v>
      </c>
      <c r="AC2" s="1" t="s">
        <v>423</v>
      </c>
      <c r="AD2" s="1" t="s">
        <v>424</v>
      </c>
      <c r="AE2" s="1" t="s">
        <v>490</v>
      </c>
      <c r="AF2" s="1" t="s">
        <v>425</v>
      </c>
      <c r="AG2" s="1" t="s">
        <v>426</v>
      </c>
      <c r="AH2" s="1" t="s">
        <v>427</v>
      </c>
      <c r="AI2" s="1" t="s">
        <v>428</v>
      </c>
      <c r="AJ2" s="1" t="s">
        <v>429</v>
      </c>
      <c r="AK2" s="1" t="s">
        <v>430</v>
      </c>
      <c r="AL2" s="1" t="s">
        <v>431</v>
      </c>
      <c r="AM2" s="1" t="s">
        <v>432</v>
      </c>
      <c r="AN2" s="1" t="s">
        <v>433</v>
      </c>
      <c r="AO2" s="1" t="s">
        <v>434</v>
      </c>
      <c r="AP2" t="s">
        <v>512</v>
      </c>
      <c r="AQ2" s="1" t="s">
        <v>435</v>
      </c>
      <c r="AR2" s="1" t="s">
        <v>436</v>
      </c>
      <c r="AS2" s="1" t="s">
        <v>437</v>
      </c>
      <c r="AT2" s="1" t="s">
        <v>499</v>
      </c>
      <c r="AU2" s="1" t="s">
        <v>438</v>
      </c>
      <c r="AV2" s="1" t="s">
        <v>439</v>
      </c>
      <c r="AW2" s="1" t="s">
        <v>440</v>
      </c>
      <c r="AX2" s="1" t="s">
        <v>441</v>
      </c>
      <c r="AY2" s="1" t="s">
        <v>442</v>
      </c>
      <c r="AZ2" s="1" t="s">
        <v>443</v>
      </c>
      <c r="BA2" s="1" t="s">
        <v>444</v>
      </c>
      <c r="BB2" s="1" t="s">
        <v>445</v>
      </c>
      <c r="BC2" s="1" t="s">
        <v>446</v>
      </c>
      <c r="BD2" s="1" t="s">
        <v>447</v>
      </c>
      <c r="BE2" s="1" t="s">
        <v>515</v>
      </c>
      <c r="BF2" s="1" t="s">
        <v>448</v>
      </c>
      <c r="BG2" s="1" t="s">
        <v>500</v>
      </c>
      <c r="BH2" s="1" t="s">
        <v>501</v>
      </c>
      <c r="BI2" s="1" t="s">
        <v>449</v>
      </c>
      <c r="BJ2" s="1" t="s">
        <v>450</v>
      </c>
      <c r="BK2" s="1" t="s">
        <v>451</v>
      </c>
      <c r="BL2" s="1" t="s">
        <v>452</v>
      </c>
      <c r="BM2" s="1" t="s">
        <v>453</v>
      </c>
      <c r="BN2" s="1" t="s">
        <v>454</v>
      </c>
      <c r="BO2" s="1" t="s">
        <v>455</v>
      </c>
      <c r="BP2" s="1" t="s">
        <v>456</v>
      </c>
      <c r="BQ2" s="1" t="s">
        <v>457</v>
      </c>
      <c r="BR2" s="1" t="s">
        <v>458</v>
      </c>
      <c r="BS2" s="1" t="s">
        <v>459</v>
      </c>
      <c r="BT2" s="1" t="s">
        <v>460</v>
      </c>
      <c r="BU2" s="1" t="s">
        <v>461</v>
      </c>
      <c r="BV2" s="1" t="s">
        <v>462</v>
      </c>
      <c r="BW2" s="1" t="s">
        <v>463</v>
      </c>
      <c r="BX2" s="1" t="s">
        <v>464</v>
      </c>
      <c r="BY2" s="1" t="s">
        <v>465</v>
      </c>
      <c r="BZ2" s="1" t="s">
        <v>506</v>
      </c>
    </row>
    <row r="3" spans="1:78" x14ac:dyDescent="0.15">
      <c r="A3" s="1" t="s">
        <v>471</v>
      </c>
      <c r="B3" s="1" t="s">
        <v>472</v>
      </c>
      <c r="C3" s="1"/>
      <c r="D3" s="1"/>
      <c r="E3" s="1"/>
      <c r="F3" s="1" t="s">
        <v>473</v>
      </c>
      <c r="G3" s="1" t="s">
        <v>473</v>
      </c>
      <c r="H3" s="1" t="s">
        <v>474</v>
      </c>
      <c r="I3" s="1" t="s">
        <v>24</v>
      </c>
      <c r="J3" s="1" t="s">
        <v>475</v>
      </c>
      <c r="K3" s="1" t="s">
        <v>475</v>
      </c>
      <c r="L3" s="1" t="s">
        <v>476</v>
      </c>
      <c r="M3" s="1" t="s">
        <v>47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49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07</v>
      </c>
      <c r="BP3" s="1" t="s">
        <v>25</v>
      </c>
      <c r="BQ3" s="1" t="s">
        <v>508</v>
      </c>
      <c r="BR3" s="1" t="s">
        <v>25</v>
      </c>
      <c r="BS3" s="1" t="s">
        <v>25</v>
      </c>
      <c r="BT3" s="1" t="s">
        <v>51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3055555555555558</v>
      </c>
      <c r="C4" s="1" t="s">
        <v>477</v>
      </c>
      <c r="D4" s="1" t="s">
        <v>27</v>
      </c>
      <c r="F4" s="1" t="s">
        <v>28</v>
      </c>
      <c r="G4" s="1" t="s">
        <v>29</v>
      </c>
      <c r="J4" s="1" t="s">
        <v>30</v>
      </c>
      <c r="K4" s="1" t="s">
        <v>31</v>
      </c>
      <c r="L4" s="1" t="s">
        <v>32</v>
      </c>
      <c r="N4" s="1" t="s">
        <v>33</v>
      </c>
      <c r="O4" s="1" t="s">
        <v>34</v>
      </c>
      <c r="P4" s="1" t="s">
        <v>35</v>
      </c>
      <c r="Q4" s="1" t="s">
        <v>36</v>
      </c>
      <c r="R4" s="1" t="s">
        <v>37</v>
      </c>
      <c r="S4" s="1" t="s">
        <v>38</v>
      </c>
      <c r="T4" s="1" t="s">
        <v>39</v>
      </c>
      <c r="U4" s="1">
        <v>9.6</v>
      </c>
      <c r="V4" s="3">
        <v>4900</v>
      </c>
      <c r="W4" s="1"/>
      <c r="X4" s="1">
        <v>1.1000000000000001</v>
      </c>
      <c r="Y4" s="1">
        <v>7.0999999999999994E-2</v>
      </c>
      <c r="Z4" s="1">
        <v>8.0000000000000002E-3</v>
      </c>
      <c r="AA4" s="1"/>
      <c r="AB4" s="1"/>
      <c r="AC4" s="1" t="s">
        <v>492</v>
      </c>
      <c r="AD4" s="1" t="s">
        <v>493</v>
      </c>
      <c r="AE4" s="1" t="s">
        <v>494</v>
      </c>
      <c r="AF4" s="1" t="s">
        <v>495</v>
      </c>
      <c r="AG4" s="1">
        <v>9.4000000000000004E-3</v>
      </c>
      <c r="AH4" s="1" t="s">
        <v>494</v>
      </c>
      <c r="AI4" s="1"/>
      <c r="AJ4" s="1"/>
      <c r="AK4" s="1"/>
      <c r="AL4" s="1" t="s">
        <v>496</v>
      </c>
      <c r="AM4" s="1"/>
      <c r="AN4" s="1"/>
      <c r="AO4" s="1"/>
      <c r="AP4" t="s">
        <v>496</v>
      </c>
      <c r="AQ4" s="1"/>
      <c r="AR4" s="1" t="s">
        <v>496</v>
      </c>
      <c r="AS4" s="1" t="s">
        <v>496</v>
      </c>
      <c r="AT4" s="1"/>
      <c r="AU4" s="1"/>
      <c r="AV4" s="1"/>
      <c r="AW4" s="1"/>
      <c r="AX4" s="1"/>
      <c r="AY4" s="1"/>
      <c r="AZ4" s="1" t="s">
        <v>502</v>
      </c>
      <c r="BA4" s="1">
        <v>0.17</v>
      </c>
      <c r="BB4" s="1" t="s">
        <v>503</v>
      </c>
      <c r="BC4" s="1">
        <v>1</v>
      </c>
      <c r="BD4" s="1">
        <v>1</v>
      </c>
      <c r="BE4" s="1"/>
      <c r="BF4" s="1" t="s">
        <v>504</v>
      </c>
      <c r="BG4" s="1">
        <v>3.2000000000000002E-3</v>
      </c>
      <c r="BH4" s="1">
        <v>0.04</v>
      </c>
      <c r="BI4" s="1" t="s">
        <v>493</v>
      </c>
      <c r="BJ4" s="1"/>
      <c r="BK4" s="1"/>
      <c r="BL4" s="1"/>
      <c r="BM4" s="1" t="s">
        <v>509</v>
      </c>
      <c r="BN4" s="1">
        <v>6.2E-2</v>
      </c>
      <c r="BO4" s="1">
        <v>25</v>
      </c>
      <c r="BP4" s="1">
        <v>22</v>
      </c>
      <c r="BQ4" s="1"/>
      <c r="BR4" s="1" t="s">
        <v>510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4583333333333337</v>
      </c>
      <c r="C5" s="1" t="s">
        <v>477</v>
      </c>
      <c r="D5" s="1" t="s">
        <v>40</v>
      </c>
      <c r="F5" s="1" t="s">
        <v>41</v>
      </c>
      <c r="G5" s="1" t="s">
        <v>42</v>
      </c>
      <c r="J5" s="1" t="s">
        <v>43</v>
      </c>
      <c r="K5" s="1" t="s">
        <v>44</v>
      </c>
      <c r="L5" s="1" t="s">
        <v>45</v>
      </c>
      <c r="N5" s="1" t="s">
        <v>46</v>
      </c>
      <c r="O5" s="1" t="s">
        <v>47</v>
      </c>
      <c r="P5" s="1" t="s">
        <v>35</v>
      </c>
      <c r="Q5" s="1" t="s">
        <v>48</v>
      </c>
      <c r="R5" s="1" t="s">
        <v>49</v>
      </c>
      <c r="S5" s="1" t="s">
        <v>50</v>
      </c>
      <c r="T5" s="1" t="s">
        <v>51</v>
      </c>
      <c r="U5" s="1">
        <v>9.3000000000000007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1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88888888888888884</v>
      </c>
      <c r="C6" s="1" t="s">
        <v>477</v>
      </c>
      <c r="D6" s="1" t="s">
        <v>40</v>
      </c>
      <c r="F6" s="1" t="s">
        <v>41</v>
      </c>
      <c r="G6" s="1" t="s">
        <v>52</v>
      </c>
      <c r="J6" s="1" t="s">
        <v>30</v>
      </c>
      <c r="K6" s="1" t="s">
        <v>53</v>
      </c>
      <c r="L6" s="1" t="s">
        <v>32</v>
      </c>
      <c r="N6" s="1" t="s">
        <v>33</v>
      </c>
      <c r="O6" s="1" t="s">
        <v>54</v>
      </c>
      <c r="P6" s="1" t="s">
        <v>35</v>
      </c>
      <c r="Q6" s="1" t="s">
        <v>55</v>
      </c>
      <c r="R6" s="1" t="s">
        <v>56</v>
      </c>
      <c r="S6" s="1" t="s">
        <v>57</v>
      </c>
      <c r="T6" s="1" t="s">
        <v>58</v>
      </c>
      <c r="U6" s="1">
        <v>8.9</v>
      </c>
      <c r="V6" s="1"/>
      <c r="W6" s="1"/>
      <c r="X6" s="1">
        <v>1.1000000000000001</v>
      </c>
      <c r="Y6" s="1">
        <v>8.2000000000000003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25</v>
      </c>
      <c r="BP6" s="1">
        <v>22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59</v>
      </c>
      <c r="B7" s="2">
        <v>0.13541666666666666</v>
      </c>
      <c r="C7" s="1" t="s">
        <v>477</v>
      </c>
      <c r="D7" s="1" t="s">
        <v>40</v>
      </c>
      <c r="F7" s="1" t="s">
        <v>60</v>
      </c>
      <c r="G7" s="1" t="s">
        <v>61</v>
      </c>
      <c r="J7" s="1" t="s">
        <v>30</v>
      </c>
      <c r="K7" s="1" t="s">
        <v>62</v>
      </c>
      <c r="L7" s="1" t="s">
        <v>32</v>
      </c>
      <c r="N7" s="1" t="s">
        <v>33</v>
      </c>
      <c r="O7" s="1" t="s">
        <v>34</v>
      </c>
      <c r="P7" s="1" t="s">
        <v>35</v>
      </c>
      <c r="Q7" s="1" t="s">
        <v>63</v>
      </c>
      <c r="R7" s="1" t="s">
        <v>37</v>
      </c>
      <c r="S7" s="1" t="s">
        <v>64</v>
      </c>
      <c r="T7" s="1" t="s">
        <v>65</v>
      </c>
      <c r="U7" s="1">
        <v>8.5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5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6</v>
      </c>
      <c r="B8" s="2">
        <v>0.4236111111111111</v>
      </c>
      <c r="C8" s="1" t="s">
        <v>477</v>
      </c>
      <c r="D8" s="1" t="s">
        <v>67</v>
      </c>
      <c r="E8" s="1" t="s">
        <v>68</v>
      </c>
      <c r="F8" s="1" t="s">
        <v>69</v>
      </c>
      <c r="G8" s="1" t="s">
        <v>70</v>
      </c>
      <c r="H8" s="1" t="s">
        <v>43</v>
      </c>
      <c r="I8" s="1" t="s">
        <v>71</v>
      </c>
      <c r="J8" s="1" t="s">
        <v>72</v>
      </c>
      <c r="K8" s="1" t="s">
        <v>73</v>
      </c>
      <c r="L8" s="1" t="s">
        <v>32</v>
      </c>
      <c r="N8" s="1" t="s">
        <v>33</v>
      </c>
      <c r="O8" s="1" t="s">
        <v>34</v>
      </c>
      <c r="P8" s="1" t="s">
        <v>35</v>
      </c>
      <c r="Q8" s="1" t="s">
        <v>36</v>
      </c>
      <c r="R8" s="1" t="s">
        <v>74</v>
      </c>
      <c r="S8" s="1" t="s">
        <v>75</v>
      </c>
      <c r="T8" s="1" t="s">
        <v>76</v>
      </c>
      <c r="U8" s="1">
        <v>8.6999999999999993</v>
      </c>
      <c r="V8" s="3">
        <v>3300</v>
      </c>
      <c r="W8" s="1"/>
      <c r="X8" s="1">
        <v>1.1000000000000001</v>
      </c>
      <c r="Y8" s="1">
        <v>4.2999999999999997E-2</v>
      </c>
      <c r="Z8" s="1">
        <v>1E-3</v>
      </c>
      <c r="AA8" s="1"/>
      <c r="AB8" s="1"/>
      <c r="AC8" s="1" t="s">
        <v>492</v>
      </c>
      <c r="AD8" s="1" t="s">
        <v>493</v>
      </c>
      <c r="AE8" s="1" t="s">
        <v>494</v>
      </c>
      <c r="AF8" s="1" t="s">
        <v>495</v>
      </c>
      <c r="AG8" s="1">
        <v>3.0000000000000001E-3</v>
      </c>
      <c r="AH8" s="1" t="s">
        <v>494</v>
      </c>
      <c r="AI8" s="1"/>
      <c r="AJ8" s="1"/>
      <c r="AK8" s="1"/>
      <c r="AL8" s="1" t="s">
        <v>496</v>
      </c>
      <c r="AM8" s="1"/>
      <c r="AN8" s="1"/>
      <c r="AO8" s="1"/>
      <c r="AP8" t="s">
        <v>496</v>
      </c>
      <c r="AQ8" s="1"/>
      <c r="AR8" s="1" t="s">
        <v>496</v>
      </c>
      <c r="AS8" s="1" t="s">
        <v>496</v>
      </c>
      <c r="AT8" s="1"/>
      <c r="AU8" s="1"/>
      <c r="AV8" s="1"/>
      <c r="AW8" s="1"/>
      <c r="AX8" s="1"/>
      <c r="AY8" s="1"/>
      <c r="AZ8" s="1"/>
      <c r="BA8" s="1"/>
      <c r="BB8" s="1" t="s">
        <v>503</v>
      </c>
      <c r="BC8" s="1">
        <v>0.98</v>
      </c>
      <c r="BD8" s="1">
        <v>1</v>
      </c>
      <c r="BE8" s="1"/>
      <c r="BF8" s="1"/>
      <c r="BG8" s="1"/>
      <c r="BH8" s="1"/>
      <c r="BI8" s="1"/>
      <c r="BJ8" s="1"/>
      <c r="BK8" s="1"/>
      <c r="BL8" s="1"/>
      <c r="BM8" s="1" t="s">
        <v>509</v>
      </c>
      <c r="BN8" s="1">
        <v>0.03</v>
      </c>
      <c r="BO8" s="1">
        <v>21</v>
      </c>
      <c r="BP8" s="1">
        <v>12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3888888888888895</v>
      </c>
      <c r="C9" s="1" t="s">
        <v>477</v>
      </c>
      <c r="D9" s="1" t="s">
        <v>67</v>
      </c>
      <c r="E9" s="1" t="s">
        <v>68</v>
      </c>
      <c r="F9" s="1" t="s">
        <v>77</v>
      </c>
      <c r="G9" s="1" t="s">
        <v>78</v>
      </c>
      <c r="H9" s="1" t="s">
        <v>30</v>
      </c>
      <c r="I9" s="1" t="s">
        <v>79</v>
      </c>
      <c r="J9" s="1" t="s">
        <v>80</v>
      </c>
      <c r="K9" s="1" t="s">
        <v>81</v>
      </c>
      <c r="L9" s="1" t="s">
        <v>32</v>
      </c>
      <c r="N9" s="1" t="s">
        <v>33</v>
      </c>
      <c r="O9" s="1" t="s">
        <v>34</v>
      </c>
      <c r="P9" s="1" t="s">
        <v>35</v>
      </c>
      <c r="Q9" s="1" t="s">
        <v>82</v>
      </c>
      <c r="R9" s="1" t="s">
        <v>74</v>
      </c>
      <c r="S9" s="1" t="s">
        <v>83</v>
      </c>
      <c r="T9" s="1" t="s">
        <v>76</v>
      </c>
      <c r="U9" s="1">
        <v>8.5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89930555555555547</v>
      </c>
      <c r="C10" s="1" t="s">
        <v>477</v>
      </c>
      <c r="D10" s="1" t="s">
        <v>67</v>
      </c>
      <c r="E10" s="1" t="s">
        <v>68</v>
      </c>
      <c r="F10" s="1" t="s">
        <v>84</v>
      </c>
      <c r="G10" s="1" t="s">
        <v>85</v>
      </c>
      <c r="H10" s="1" t="s">
        <v>43</v>
      </c>
      <c r="I10" s="1" t="s">
        <v>86</v>
      </c>
      <c r="J10" s="1" t="s">
        <v>80</v>
      </c>
      <c r="K10" s="1" t="s">
        <v>87</v>
      </c>
      <c r="L10" s="1" t="s">
        <v>32</v>
      </c>
      <c r="N10" s="1" t="s">
        <v>33</v>
      </c>
      <c r="O10" s="1" t="s">
        <v>34</v>
      </c>
      <c r="P10" s="1" t="s">
        <v>35</v>
      </c>
      <c r="Q10" s="1" t="s">
        <v>55</v>
      </c>
      <c r="R10" s="1" t="s">
        <v>88</v>
      </c>
      <c r="S10" s="1" t="s">
        <v>89</v>
      </c>
      <c r="T10" s="1" t="s">
        <v>65</v>
      </c>
      <c r="U10" s="1">
        <v>8.5</v>
      </c>
      <c r="V10" s="1"/>
      <c r="W10" s="1"/>
      <c r="X10" s="1">
        <v>1.1000000000000001</v>
      </c>
      <c r="Y10" s="1">
        <v>4.5999999999999999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18</v>
      </c>
      <c r="BP10" s="1">
        <v>11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90</v>
      </c>
      <c r="B11" s="2">
        <v>0.14583333333333334</v>
      </c>
      <c r="C11" s="1" t="s">
        <v>477</v>
      </c>
      <c r="D11" s="1" t="s">
        <v>67</v>
      </c>
      <c r="E11" s="1" t="s">
        <v>68</v>
      </c>
      <c r="F11" s="1" t="s">
        <v>91</v>
      </c>
      <c r="G11" s="1" t="s">
        <v>92</v>
      </c>
      <c r="H11" s="1" t="s">
        <v>43</v>
      </c>
      <c r="I11" s="1" t="s">
        <v>93</v>
      </c>
      <c r="J11" s="1" t="s">
        <v>80</v>
      </c>
      <c r="K11" s="1" t="s">
        <v>94</v>
      </c>
      <c r="L11" s="1" t="s">
        <v>32</v>
      </c>
      <c r="N11" s="1" t="s">
        <v>33</v>
      </c>
      <c r="O11" s="1" t="s">
        <v>34</v>
      </c>
      <c r="P11" s="1" t="s">
        <v>35</v>
      </c>
      <c r="Q11" s="1" t="s">
        <v>55</v>
      </c>
      <c r="R11" s="1" t="s">
        <v>95</v>
      </c>
      <c r="S11" s="1" t="s">
        <v>83</v>
      </c>
      <c r="T11" s="1" t="s">
        <v>76</v>
      </c>
      <c r="U11" s="1">
        <v>8.6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7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6</v>
      </c>
      <c r="B12" s="2">
        <v>0.46527777777777773</v>
      </c>
      <c r="C12" s="1" t="s">
        <v>477</v>
      </c>
      <c r="D12" s="1" t="s">
        <v>27</v>
      </c>
      <c r="E12" s="1" t="s">
        <v>68</v>
      </c>
      <c r="F12" s="1" t="s">
        <v>97</v>
      </c>
      <c r="G12" s="1" t="s">
        <v>98</v>
      </c>
      <c r="H12" s="1" t="s">
        <v>99</v>
      </c>
      <c r="I12" s="1" t="s">
        <v>100</v>
      </c>
      <c r="J12" s="1" t="s">
        <v>101</v>
      </c>
      <c r="K12" s="1" t="s">
        <v>102</v>
      </c>
      <c r="L12" s="1" t="s">
        <v>103</v>
      </c>
      <c r="N12" s="1" t="s">
        <v>33</v>
      </c>
      <c r="O12" s="1" t="s">
        <v>104</v>
      </c>
      <c r="P12" s="1" t="s">
        <v>35</v>
      </c>
      <c r="Q12" s="1" t="s">
        <v>36</v>
      </c>
      <c r="R12" s="1" t="s">
        <v>105</v>
      </c>
      <c r="S12" s="1" t="s">
        <v>106</v>
      </c>
      <c r="T12" s="1" t="s">
        <v>107</v>
      </c>
      <c r="U12" s="1">
        <v>9.4</v>
      </c>
      <c r="V12" s="3">
        <v>33000</v>
      </c>
      <c r="W12" s="1"/>
      <c r="X12" s="1">
        <v>1.3</v>
      </c>
      <c r="Y12" s="1">
        <v>0.1</v>
      </c>
      <c r="Z12" s="1">
        <v>9.2999999999999992E-3</v>
      </c>
      <c r="AA12" s="1"/>
      <c r="AB12" s="1"/>
      <c r="AC12" s="1" t="s">
        <v>492</v>
      </c>
      <c r="AD12" s="1" t="s">
        <v>493</v>
      </c>
      <c r="AE12" s="1" t="s">
        <v>494</v>
      </c>
      <c r="AF12" s="1" t="s">
        <v>495</v>
      </c>
      <c r="AG12" s="1">
        <v>2.7000000000000001E-3</v>
      </c>
      <c r="AH12" s="1" t="s">
        <v>494</v>
      </c>
      <c r="AI12" s="1"/>
      <c r="AJ12" s="1"/>
      <c r="AK12" s="1"/>
      <c r="AL12" s="1" t="s">
        <v>496</v>
      </c>
      <c r="AM12" s="1"/>
      <c r="AN12" s="1"/>
      <c r="AO12" s="1"/>
      <c r="AP12" t="s">
        <v>496</v>
      </c>
      <c r="AQ12" s="1"/>
      <c r="AR12" s="1" t="s">
        <v>496</v>
      </c>
      <c r="AS12" s="1" t="s">
        <v>496</v>
      </c>
      <c r="AT12" s="1"/>
      <c r="AU12" s="1"/>
      <c r="AV12" s="1"/>
      <c r="AW12" s="1"/>
      <c r="AX12" s="1"/>
      <c r="AY12" s="1"/>
      <c r="AZ12" s="1" t="s">
        <v>502</v>
      </c>
      <c r="BA12" s="1">
        <v>5.2999999999999999E-2</v>
      </c>
      <c r="BB12" s="1" t="s">
        <v>503</v>
      </c>
      <c r="BC12" s="1">
        <v>0.98</v>
      </c>
      <c r="BD12" s="1">
        <v>1</v>
      </c>
      <c r="BE12" s="1"/>
      <c r="BF12" s="1" t="s">
        <v>504</v>
      </c>
      <c r="BG12" s="1">
        <v>9.1999999999999998E-3</v>
      </c>
      <c r="BH12" s="1" t="s">
        <v>495</v>
      </c>
      <c r="BI12" s="1" t="s">
        <v>493</v>
      </c>
      <c r="BJ12" s="1"/>
      <c r="BK12" s="1"/>
      <c r="BL12" s="1"/>
      <c r="BM12" s="1" t="s">
        <v>509</v>
      </c>
      <c r="BN12" s="1">
        <v>7.0000000000000007E-2</v>
      </c>
      <c r="BO12" s="1">
        <v>17</v>
      </c>
      <c r="BP12" s="1">
        <v>9.1</v>
      </c>
      <c r="BQ12" s="1"/>
      <c r="BR12" s="1" t="s">
        <v>510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4027777777777783</v>
      </c>
      <c r="C13" s="1" t="s">
        <v>477</v>
      </c>
      <c r="D13" s="1" t="s">
        <v>27</v>
      </c>
      <c r="E13" s="1" t="s">
        <v>68</v>
      </c>
      <c r="F13" s="1" t="s">
        <v>85</v>
      </c>
      <c r="G13" s="1" t="s">
        <v>97</v>
      </c>
      <c r="H13" s="1" t="s">
        <v>99</v>
      </c>
      <c r="I13" s="1" t="s">
        <v>108</v>
      </c>
      <c r="J13" s="1" t="s">
        <v>80</v>
      </c>
      <c r="K13" s="1" t="s">
        <v>109</v>
      </c>
      <c r="L13" s="1" t="s">
        <v>110</v>
      </c>
      <c r="N13" s="1" t="s">
        <v>46</v>
      </c>
      <c r="O13" s="1" t="s">
        <v>111</v>
      </c>
      <c r="P13" s="1" t="s">
        <v>112</v>
      </c>
      <c r="Q13" s="1" t="s">
        <v>63</v>
      </c>
      <c r="R13" s="1" t="s">
        <v>89</v>
      </c>
      <c r="S13" s="1" t="s">
        <v>113</v>
      </c>
      <c r="T13" s="1" t="s">
        <v>114</v>
      </c>
      <c r="U13" s="1">
        <v>8.4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5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89583333333333337</v>
      </c>
      <c r="C14" s="1" t="s">
        <v>477</v>
      </c>
      <c r="D14" s="1" t="s">
        <v>27</v>
      </c>
      <c r="E14" s="1" t="s">
        <v>68</v>
      </c>
      <c r="F14" s="1" t="s">
        <v>98</v>
      </c>
      <c r="G14" s="1" t="s">
        <v>115</v>
      </c>
      <c r="H14" s="1" t="s">
        <v>99</v>
      </c>
      <c r="I14" s="1" t="s">
        <v>116</v>
      </c>
      <c r="J14" s="1" t="s">
        <v>80</v>
      </c>
      <c r="K14" s="1" t="s">
        <v>81</v>
      </c>
      <c r="L14" s="1" t="s">
        <v>117</v>
      </c>
      <c r="N14" s="1" t="s">
        <v>33</v>
      </c>
      <c r="O14" s="1" t="s">
        <v>54</v>
      </c>
      <c r="P14" s="1" t="s">
        <v>35</v>
      </c>
      <c r="Q14" s="1" t="s">
        <v>55</v>
      </c>
      <c r="R14" s="1" t="s">
        <v>37</v>
      </c>
      <c r="S14" s="1" t="s">
        <v>118</v>
      </c>
      <c r="T14" s="1" t="s">
        <v>119</v>
      </c>
      <c r="U14" s="1">
        <v>8.1999999999999993</v>
      </c>
      <c r="V14" s="1"/>
      <c r="W14" s="1"/>
      <c r="X14" s="1">
        <v>1.1000000000000001</v>
      </c>
      <c r="Y14" s="1">
        <v>0.09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6</v>
      </c>
      <c r="BP14" s="1">
        <v>8.1999999999999993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20</v>
      </c>
      <c r="B15" s="2">
        <v>0.13541666666666666</v>
      </c>
      <c r="C15" s="1" t="s">
        <v>477</v>
      </c>
      <c r="D15" s="1" t="s">
        <v>27</v>
      </c>
      <c r="E15" s="1" t="s">
        <v>68</v>
      </c>
      <c r="F15" s="1" t="s">
        <v>85</v>
      </c>
      <c r="G15" s="1" t="s">
        <v>121</v>
      </c>
      <c r="H15" s="1" t="s">
        <v>99</v>
      </c>
      <c r="I15" s="1" t="s">
        <v>108</v>
      </c>
      <c r="J15" s="1" t="s">
        <v>80</v>
      </c>
      <c r="K15" s="1" t="s">
        <v>109</v>
      </c>
      <c r="L15" s="1" t="s">
        <v>32</v>
      </c>
      <c r="N15" s="1" t="s">
        <v>33</v>
      </c>
      <c r="O15" s="1" t="s">
        <v>54</v>
      </c>
      <c r="P15" s="1" t="s">
        <v>35</v>
      </c>
      <c r="Q15" s="1" t="s">
        <v>55</v>
      </c>
      <c r="R15" s="1" t="s">
        <v>37</v>
      </c>
      <c r="S15" s="1" t="s">
        <v>118</v>
      </c>
      <c r="T15" s="1" t="s">
        <v>58</v>
      </c>
      <c r="U15" s="1">
        <v>8.6999999999999993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7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22</v>
      </c>
      <c r="B16" s="2">
        <v>0.4236111111111111</v>
      </c>
      <c r="C16" s="1" t="s">
        <v>477</v>
      </c>
      <c r="D16" s="1" t="s">
        <v>40</v>
      </c>
      <c r="E16" s="1" t="s">
        <v>68</v>
      </c>
      <c r="F16" s="1" t="s">
        <v>123</v>
      </c>
      <c r="G16" s="1" t="s">
        <v>124</v>
      </c>
      <c r="H16" s="1" t="s">
        <v>125</v>
      </c>
      <c r="I16" s="1" t="s">
        <v>126</v>
      </c>
      <c r="J16" s="1" t="s">
        <v>127</v>
      </c>
      <c r="K16" s="1" t="s">
        <v>128</v>
      </c>
      <c r="L16" s="1" t="s">
        <v>32</v>
      </c>
      <c r="N16" s="1" t="s">
        <v>33</v>
      </c>
      <c r="O16" s="1" t="s">
        <v>34</v>
      </c>
      <c r="P16" s="1" t="s">
        <v>35</v>
      </c>
      <c r="Q16" s="1" t="s">
        <v>48</v>
      </c>
      <c r="R16" s="1" t="s">
        <v>74</v>
      </c>
      <c r="S16" s="1" t="s">
        <v>129</v>
      </c>
      <c r="T16" s="1" t="s">
        <v>39</v>
      </c>
      <c r="U16" s="1">
        <v>8.4</v>
      </c>
      <c r="V16" s="3">
        <v>49000</v>
      </c>
      <c r="W16" s="1"/>
      <c r="X16" s="1">
        <v>1</v>
      </c>
      <c r="Y16" s="1">
        <v>7.5999999999999998E-2</v>
      </c>
      <c r="Z16" s="1">
        <v>3.8E-3</v>
      </c>
      <c r="AA16" s="1"/>
      <c r="AB16" s="1"/>
      <c r="AC16" s="1" t="s">
        <v>492</v>
      </c>
      <c r="AD16" s="1" t="s">
        <v>493</v>
      </c>
      <c r="AE16" s="1" t="s">
        <v>494</v>
      </c>
      <c r="AF16" s="1" t="s">
        <v>495</v>
      </c>
      <c r="AG16" s="1">
        <v>2.3E-3</v>
      </c>
      <c r="AH16" s="1" t="s">
        <v>494</v>
      </c>
      <c r="AI16" s="1"/>
      <c r="AJ16" s="1"/>
      <c r="AK16" s="1"/>
      <c r="AL16" s="1" t="s">
        <v>496</v>
      </c>
      <c r="AM16" s="1"/>
      <c r="AN16" s="1"/>
      <c r="AO16" s="1"/>
      <c r="AP16" t="s">
        <v>496</v>
      </c>
      <c r="AQ16" s="1"/>
      <c r="AR16" s="1" t="s">
        <v>496</v>
      </c>
      <c r="AS16" s="1" t="s">
        <v>496</v>
      </c>
      <c r="AT16" s="1"/>
      <c r="AU16" s="1" t="s">
        <v>494</v>
      </c>
      <c r="AV16" s="1" t="s">
        <v>492</v>
      </c>
      <c r="AW16" s="1" t="s">
        <v>492</v>
      </c>
      <c r="AX16" s="1"/>
      <c r="AY16" s="1"/>
      <c r="AZ16" s="1"/>
      <c r="BA16" s="1"/>
      <c r="BB16" s="1" t="s">
        <v>503</v>
      </c>
      <c r="BC16" s="1">
        <v>0.97</v>
      </c>
      <c r="BD16" s="1">
        <v>1</v>
      </c>
      <c r="BE16" s="1"/>
      <c r="BF16" s="1"/>
      <c r="BG16" s="1"/>
      <c r="BH16" s="1"/>
      <c r="BI16" s="1"/>
      <c r="BJ16" s="1"/>
      <c r="BK16" s="1"/>
      <c r="BL16" s="1"/>
      <c r="BM16" s="1" t="s">
        <v>509</v>
      </c>
      <c r="BN16" s="1">
        <v>6.3E-2</v>
      </c>
      <c r="BO16" s="1">
        <v>19</v>
      </c>
      <c r="BP16" s="1">
        <v>9.8000000000000007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5277777777777779</v>
      </c>
      <c r="C17" s="1" t="s">
        <v>477</v>
      </c>
      <c r="D17" s="1" t="s">
        <v>40</v>
      </c>
      <c r="E17" s="1" t="s">
        <v>68</v>
      </c>
      <c r="F17" s="1" t="s">
        <v>130</v>
      </c>
      <c r="G17" s="1" t="s">
        <v>69</v>
      </c>
      <c r="H17" s="1" t="s">
        <v>43</v>
      </c>
      <c r="I17" s="1" t="s">
        <v>131</v>
      </c>
      <c r="J17" s="1" t="s">
        <v>132</v>
      </c>
      <c r="K17" s="1" t="s">
        <v>133</v>
      </c>
      <c r="L17" s="1" t="s">
        <v>32</v>
      </c>
      <c r="N17" s="1" t="s">
        <v>33</v>
      </c>
      <c r="O17" s="1" t="s">
        <v>34</v>
      </c>
      <c r="P17" s="1" t="s">
        <v>35</v>
      </c>
      <c r="Q17" s="1" t="s">
        <v>134</v>
      </c>
      <c r="R17" s="1" t="s">
        <v>135</v>
      </c>
      <c r="S17" s="1" t="s">
        <v>83</v>
      </c>
      <c r="T17" s="1" t="s">
        <v>39</v>
      </c>
      <c r="U17" s="1">
        <v>6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0625</v>
      </c>
      <c r="C18" s="1" t="s">
        <v>477</v>
      </c>
      <c r="D18" s="1" t="s">
        <v>40</v>
      </c>
      <c r="E18" s="1" t="s">
        <v>68</v>
      </c>
      <c r="F18" s="1" t="s">
        <v>136</v>
      </c>
      <c r="G18" s="1" t="s">
        <v>137</v>
      </c>
      <c r="H18" s="1" t="s">
        <v>125</v>
      </c>
      <c r="I18" s="1" t="s">
        <v>138</v>
      </c>
      <c r="J18" s="1" t="s">
        <v>127</v>
      </c>
      <c r="K18" s="1" t="s">
        <v>139</v>
      </c>
      <c r="L18" s="1" t="s">
        <v>32</v>
      </c>
      <c r="N18" s="1" t="s">
        <v>33</v>
      </c>
      <c r="O18" s="1" t="s">
        <v>34</v>
      </c>
      <c r="P18" s="1" t="s">
        <v>35</v>
      </c>
      <c r="Q18" s="1" t="s">
        <v>55</v>
      </c>
      <c r="R18" s="1" t="s">
        <v>74</v>
      </c>
      <c r="S18" s="1" t="s">
        <v>140</v>
      </c>
      <c r="T18" s="1" t="s">
        <v>65</v>
      </c>
      <c r="U18" s="1">
        <v>8.1</v>
      </c>
      <c r="V18" s="1"/>
      <c r="W18" s="1"/>
      <c r="X18" s="1">
        <v>1.1000000000000001</v>
      </c>
      <c r="Y18" s="1">
        <v>0.09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9</v>
      </c>
      <c r="BP18" s="1">
        <v>8.9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141</v>
      </c>
      <c r="B19" s="2">
        <v>0.15277777777777776</v>
      </c>
      <c r="C19" s="1" t="s">
        <v>477</v>
      </c>
      <c r="D19" s="1" t="s">
        <v>40</v>
      </c>
      <c r="E19" s="1" t="s">
        <v>68</v>
      </c>
      <c r="F19" s="1" t="s">
        <v>142</v>
      </c>
      <c r="G19" s="1" t="s">
        <v>143</v>
      </c>
      <c r="H19" s="1" t="s">
        <v>144</v>
      </c>
      <c r="I19" s="1" t="s">
        <v>145</v>
      </c>
      <c r="J19" s="1" t="s">
        <v>146</v>
      </c>
      <c r="K19" s="1" t="s">
        <v>147</v>
      </c>
      <c r="L19" s="1" t="s">
        <v>148</v>
      </c>
      <c r="N19" s="1" t="s">
        <v>33</v>
      </c>
      <c r="O19" s="1" t="s">
        <v>104</v>
      </c>
      <c r="P19" s="1" t="s">
        <v>35</v>
      </c>
      <c r="Q19" s="1" t="s">
        <v>55</v>
      </c>
      <c r="R19" s="1" t="s">
        <v>38</v>
      </c>
      <c r="S19" s="1" t="s">
        <v>149</v>
      </c>
      <c r="T19" s="1" t="s">
        <v>150</v>
      </c>
      <c r="U19" s="1">
        <v>7.8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7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43055555555555558</v>
      </c>
      <c r="C20" s="1" t="s">
        <v>477</v>
      </c>
      <c r="D20" s="1" t="s">
        <v>67</v>
      </c>
      <c r="E20" s="1" t="s">
        <v>68</v>
      </c>
      <c r="F20" s="1" t="s">
        <v>152</v>
      </c>
      <c r="G20" s="1" t="s">
        <v>142</v>
      </c>
      <c r="J20" s="1" t="s">
        <v>144</v>
      </c>
      <c r="K20" s="1" t="s">
        <v>138</v>
      </c>
      <c r="L20" s="1" t="s">
        <v>32</v>
      </c>
      <c r="N20" s="1" t="s">
        <v>33</v>
      </c>
      <c r="O20" s="1" t="s">
        <v>104</v>
      </c>
      <c r="P20" s="1" t="s">
        <v>35</v>
      </c>
      <c r="Q20" s="1" t="s">
        <v>36</v>
      </c>
      <c r="R20" s="1" t="s">
        <v>74</v>
      </c>
      <c r="S20" s="1" t="s">
        <v>140</v>
      </c>
      <c r="T20" s="1" t="s">
        <v>65</v>
      </c>
      <c r="U20" s="1">
        <v>7.9</v>
      </c>
      <c r="V20" s="3">
        <v>33000</v>
      </c>
      <c r="W20" s="1" t="s">
        <v>497</v>
      </c>
      <c r="X20" s="1">
        <v>1</v>
      </c>
      <c r="Y20" s="1">
        <v>6.7000000000000004E-2</v>
      </c>
      <c r="Z20" s="1">
        <v>2.3999999999999998E-3</v>
      </c>
      <c r="AA20" s="1" t="s">
        <v>522</v>
      </c>
      <c r="AB20" s="1" t="s">
        <v>523</v>
      </c>
      <c r="AC20" s="1" t="s">
        <v>492</v>
      </c>
      <c r="AD20" s="1" t="s">
        <v>493</v>
      </c>
      <c r="AE20" s="1" t="s">
        <v>494</v>
      </c>
      <c r="AF20" s="1" t="s">
        <v>495</v>
      </c>
      <c r="AG20" s="1">
        <v>1.9E-3</v>
      </c>
      <c r="AH20" s="1" t="s">
        <v>494</v>
      </c>
      <c r="AI20" s="1"/>
      <c r="AJ20" s="1" t="s">
        <v>494</v>
      </c>
      <c r="AK20" s="1" t="s">
        <v>496</v>
      </c>
      <c r="AL20" s="1" t="s">
        <v>496</v>
      </c>
      <c r="AM20" s="1" t="s">
        <v>496</v>
      </c>
      <c r="AN20" s="1" t="s">
        <v>496</v>
      </c>
      <c r="AO20" s="1" t="s">
        <v>496</v>
      </c>
      <c r="AP20" t="s">
        <v>496</v>
      </c>
      <c r="AQ20" s="1" t="s">
        <v>496</v>
      </c>
      <c r="AR20" s="1" t="s">
        <v>496</v>
      </c>
      <c r="AS20" s="1" t="s">
        <v>496</v>
      </c>
      <c r="AT20" s="1" t="s">
        <v>505</v>
      </c>
      <c r="AU20" s="1"/>
      <c r="AV20" s="1"/>
      <c r="AW20" s="1"/>
      <c r="AX20" s="1" t="s">
        <v>496</v>
      </c>
      <c r="AY20" s="1" t="s">
        <v>494</v>
      </c>
      <c r="AZ20" s="1" t="s">
        <v>502</v>
      </c>
      <c r="BA20" s="1">
        <v>4.2999999999999997E-2</v>
      </c>
      <c r="BB20" s="1" t="s">
        <v>503</v>
      </c>
      <c r="BC20" s="1">
        <v>0.87</v>
      </c>
      <c r="BD20" s="1">
        <v>0.92</v>
      </c>
      <c r="BE20" s="1" t="s">
        <v>504</v>
      </c>
      <c r="BF20" s="1" t="s">
        <v>504</v>
      </c>
      <c r="BG20" s="1">
        <v>6.1000000000000004E-3</v>
      </c>
      <c r="BH20" s="1" t="s">
        <v>495</v>
      </c>
      <c r="BI20" s="1" t="s">
        <v>493</v>
      </c>
      <c r="BJ20" s="1" t="s">
        <v>504</v>
      </c>
      <c r="BK20" s="1" t="s">
        <v>494</v>
      </c>
      <c r="BL20" s="1" t="s">
        <v>511</v>
      </c>
      <c r="BM20" s="1">
        <v>0.04</v>
      </c>
      <c r="BN20" s="1">
        <v>5.6000000000000001E-2</v>
      </c>
      <c r="BO20" s="1">
        <v>25</v>
      </c>
      <c r="BP20" s="1">
        <v>27</v>
      </c>
      <c r="BQ20" s="1"/>
      <c r="BR20" s="1" t="s">
        <v>510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3541666666666663</v>
      </c>
      <c r="C21" s="1" t="s">
        <v>477</v>
      </c>
      <c r="D21" s="1" t="s">
        <v>67</v>
      </c>
      <c r="E21" s="1" t="s">
        <v>68</v>
      </c>
      <c r="F21" s="1" t="s">
        <v>153</v>
      </c>
      <c r="G21" s="1" t="s">
        <v>154</v>
      </c>
      <c r="H21" s="1" t="s">
        <v>155</v>
      </c>
      <c r="I21" s="1" t="s">
        <v>99</v>
      </c>
      <c r="J21" s="1" t="s">
        <v>156</v>
      </c>
      <c r="K21" s="1" t="s">
        <v>157</v>
      </c>
      <c r="L21" s="1" t="s">
        <v>32</v>
      </c>
      <c r="N21" s="1" t="s">
        <v>33</v>
      </c>
      <c r="O21" s="1" t="s">
        <v>104</v>
      </c>
      <c r="P21" s="1" t="s">
        <v>35</v>
      </c>
      <c r="Q21" s="1" t="s">
        <v>134</v>
      </c>
      <c r="R21" s="1" t="s">
        <v>158</v>
      </c>
      <c r="S21" s="1" t="s">
        <v>49</v>
      </c>
      <c r="T21" s="1" t="s">
        <v>65</v>
      </c>
      <c r="U21" s="1">
        <v>7.7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74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89930555555555547</v>
      </c>
      <c r="C22" s="1" t="s">
        <v>477</v>
      </c>
      <c r="D22" s="1" t="s">
        <v>67</v>
      </c>
      <c r="E22" s="1" t="s">
        <v>68</v>
      </c>
      <c r="F22" s="1" t="s">
        <v>130</v>
      </c>
      <c r="G22" s="1" t="s">
        <v>159</v>
      </c>
      <c r="H22" s="1" t="s">
        <v>155</v>
      </c>
      <c r="I22" s="1" t="s">
        <v>160</v>
      </c>
      <c r="J22" s="1" t="s">
        <v>127</v>
      </c>
      <c r="K22" s="1" t="s">
        <v>139</v>
      </c>
      <c r="L22" s="1" t="s">
        <v>32</v>
      </c>
      <c r="N22" s="1" t="s">
        <v>33</v>
      </c>
      <c r="O22" s="1" t="s">
        <v>104</v>
      </c>
      <c r="P22" s="1" t="s">
        <v>35</v>
      </c>
      <c r="Q22" s="1" t="s">
        <v>161</v>
      </c>
      <c r="R22" s="1" t="s">
        <v>162</v>
      </c>
      <c r="S22" s="1" t="s">
        <v>163</v>
      </c>
      <c r="T22" s="1" t="s">
        <v>39</v>
      </c>
      <c r="U22" s="1">
        <v>7.1</v>
      </c>
      <c r="V22" s="1"/>
      <c r="W22" s="1"/>
      <c r="X22" s="1">
        <v>1.2</v>
      </c>
      <c r="Y22" s="1">
        <v>5.3999999999999999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30</v>
      </c>
      <c r="BP22" s="1">
        <v>38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164</v>
      </c>
      <c r="B23" s="2">
        <v>0.15625</v>
      </c>
      <c r="C23" s="1" t="s">
        <v>477</v>
      </c>
      <c r="D23" s="1" t="s">
        <v>67</v>
      </c>
      <c r="E23" s="1" t="s">
        <v>68</v>
      </c>
      <c r="F23" s="1" t="s">
        <v>165</v>
      </c>
      <c r="G23" s="1" t="s">
        <v>166</v>
      </c>
      <c r="H23" s="1" t="s">
        <v>155</v>
      </c>
      <c r="I23" s="1" t="s">
        <v>167</v>
      </c>
      <c r="J23" s="1" t="s">
        <v>127</v>
      </c>
      <c r="K23" s="1" t="s">
        <v>168</v>
      </c>
      <c r="L23" s="1" t="s">
        <v>32</v>
      </c>
      <c r="N23" s="1" t="s">
        <v>33</v>
      </c>
      <c r="O23" s="1" t="s">
        <v>104</v>
      </c>
      <c r="P23" s="1" t="s">
        <v>35</v>
      </c>
      <c r="Q23" s="1" t="s">
        <v>55</v>
      </c>
      <c r="R23" s="1" t="s">
        <v>162</v>
      </c>
      <c r="S23" s="1" t="s">
        <v>49</v>
      </c>
      <c r="T23" s="1" t="s">
        <v>39</v>
      </c>
      <c r="U23" s="1">
        <v>7.6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26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69</v>
      </c>
      <c r="B24" s="2">
        <v>0.42708333333333331</v>
      </c>
      <c r="C24" s="1" t="s">
        <v>477</v>
      </c>
      <c r="D24" s="1" t="s">
        <v>40</v>
      </c>
      <c r="E24" s="1" t="s">
        <v>68</v>
      </c>
      <c r="F24" s="1" t="s">
        <v>69</v>
      </c>
      <c r="G24" s="1" t="s">
        <v>170</v>
      </c>
      <c r="H24" s="1" t="s">
        <v>156</v>
      </c>
      <c r="I24" s="1" t="s">
        <v>171</v>
      </c>
      <c r="J24" s="1" t="s">
        <v>146</v>
      </c>
      <c r="K24" s="1" t="s">
        <v>172</v>
      </c>
      <c r="L24" s="1" t="s">
        <v>32</v>
      </c>
      <c r="N24" s="1" t="s">
        <v>33</v>
      </c>
      <c r="O24" s="1" t="s">
        <v>34</v>
      </c>
      <c r="P24" s="1" t="s">
        <v>35</v>
      </c>
      <c r="Q24" s="1" t="s">
        <v>36</v>
      </c>
      <c r="R24" s="1" t="s">
        <v>56</v>
      </c>
      <c r="S24" s="1" t="s">
        <v>64</v>
      </c>
      <c r="T24" s="1" t="s">
        <v>65</v>
      </c>
      <c r="U24" s="1">
        <v>8.8000000000000007</v>
      </c>
      <c r="V24" s="3">
        <v>23000</v>
      </c>
      <c r="W24" s="1"/>
      <c r="X24" s="1">
        <v>1</v>
      </c>
      <c r="Y24" s="1">
        <v>5.8000000000000003E-2</v>
      </c>
      <c r="Z24" s="1">
        <v>2.8E-3</v>
      </c>
      <c r="AA24" s="1"/>
      <c r="AB24" s="1"/>
      <c r="AC24" s="1" t="s">
        <v>492</v>
      </c>
      <c r="AD24" s="1" t="s">
        <v>493</v>
      </c>
      <c r="AE24" s="1" t="s">
        <v>494</v>
      </c>
      <c r="AF24" s="1" t="s">
        <v>495</v>
      </c>
      <c r="AG24" s="1">
        <v>1.4E-3</v>
      </c>
      <c r="AH24" s="1" t="s">
        <v>494</v>
      </c>
      <c r="AI24" s="1"/>
      <c r="AJ24" s="1"/>
      <c r="AK24" s="1"/>
      <c r="AL24" s="1" t="s">
        <v>496</v>
      </c>
      <c r="AM24" s="1"/>
      <c r="AN24" s="1"/>
      <c r="AO24" s="1"/>
      <c r="AP24" t="s">
        <v>496</v>
      </c>
      <c r="AQ24" s="1"/>
      <c r="AR24" s="1" t="s">
        <v>496</v>
      </c>
      <c r="AS24" s="1" t="s">
        <v>496</v>
      </c>
      <c r="AT24" s="1"/>
      <c r="AU24" s="1"/>
      <c r="AV24" s="1"/>
      <c r="AW24" s="1"/>
      <c r="AX24" s="1"/>
      <c r="AY24" s="1"/>
      <c r="AZ24" s="1"/>
      <c r="BA24" s="1"/>
      <c r="BB24" s="1" t="s">
        <v>503</v>
      </c>
      <c r="BC24" s="1">
        <v>0.93</v>
      </c>
      <c r="BD24" s="1">
        <v>0.98</v>
      </c>
      <c r="BE24" s="1"/>
      <c r="BF24" s="1"/>
      <c r="BG24" s="1"/>
      <c r="BH24" s="1"/>
      <c r="BI24" s="1"/>
      <c r="BJ24" s="1"/>
      <c r="BK24" s="1"/>
      <c r="BL24" s="1"/>
      <c r="BM24" s="1" t="s">
        <v>509</v>
      </c>
      <c r="BN24" s="1">
        <v>4.8000000000000001E-2</v>
      </c>
      <c r="BO24" s="1">
        <v>16</v>
      </c>
      <c r="BP24" s="1">
        <v>9.6999999999999993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3888888888888895</v>
      </c>
      <c r="C25" s="1" t="s">
        <v>477</v>
      </c>
      <c r="D25" s="1" t="s">
        <v>40</v>
      </c>
      <c r="E25" s="1" t="s">
        <v>68</v>
      </c>
      <c r="F25" s="1" t="s">
        <v>173</v>
      </c>
      <c r="G25" s="1" t="s">
        <v>91</v>
      </c>
      <c r="H25" s="1" t="s">
        <v>144</v>
      </c>
      <c r="I25" s="1" t="s">
        <v>174</v>
      </c>
      <c r="J25" s="1" t="s">
        <v>146</v>
      </c>
      <c r="K25" s="1" t="s">
        <v>147</v>
      </c>
      <c r="L25" s="1" t="s">
        <v>32</v>
      </c>
      <c r="N25" s="1" t="s">
        <v>33</v>
      </c>
      <c r="O25" s="1" t="s">
        <v>54</v>
      </c>
      <c r="P25" s="1" t="s">
        <v>35</v>
      </c>
      <c r="Q25" s="1" t="s">
        <v>63</v>
      </c>
      <c r="R25" s="1" t="s">
        <v>105</v>
      </c>
      <c r="S25" s="1" t="s">
        <v>175</v>
      </c>
      <c r="T25" s="1" t="s">
        <v>76</v>
      </c>
      <c r="U25" s="1">
        <v>7.9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21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0277777777777779</v>
      </c>
      <c r="C26" s="1" t="s">
        <v>477</v>
      </c>
      <c r="D26" s="1" t="s">
        <v>40</v>
      </c>
      <c r="E26" s="1" t="s">
        <v>68</v>
      </c>
      <c r="F26" s="1" t="s">
        <v>98</v>
      </c>
      <c r="G26" s="1" t="s">
        <v>176</v>
      </c>
      <c r="H26" s="1" t="s">
        <v>144</v>
      </c>
      <c r="I26" s="1" t="s">
        <v>177</v>
      </c>
      <c r="J26" s="1" t="s">
        <v>127</v>
      </c>
      <c r="K26" s="1" t="s">
        <v>178</v>
      </c>
      <c r="L26" s="1" t="s">
        <v>32</v>
      </c>
      <c r="N26" s="1" t="s">
        <v>33</v>
      </c>
      <c r="O26" s="1" t="s">
        <v>34</v>
      </c>
      <c r="P26" s="1" t="s">
        <v>35</v>
      </c>
      <c r="Q26" s="1" t="s">
        <v>55</v>
      </c>
      <c r="R26" s="1" t="s">
        <v>179</v>
      </c>
      <c r="S26" s="1" t="s">
        <v>83</v>
      </c>
      <c r="T26" s="1" t="s">
        <v>76</v>
      </c>
      <c r="U26" s="1">
        <v>8.5</v>
      </c>
      <c r="V26" s="1"/>
      <c r="W26" s="1"/>
      <c r="X26" s="1">
        <v>1.1000000000000001</v>
      </c>
      <c r="Y26" s="1">
        <v>6.2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16</v>
      </c>
      <c r="BP26" s="1">
        <v>7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180</v>
      </c>
      <c r="B27" s="2">
        <v>0.15625</v>
      </c>
      <c r="C27" s="1" t="s">
        <v>477</v>
      </c>
      <c r="D27" s="1" t="s">
        <v>40</v>
      </c>
      <c r="E27" s="1" t="s">
        <v>68</v>
      </c>
      <c r="F27" s="1" t="s">
        <v>181</v>
      </c>
      <c r="G27" s="1" t="s">
        <v>181</v>
      </c>
      <c r="H27" s="1" t="s">
        <v>127</v>
      </c>
      <c r="I27" s="1" t="s">
        <v>182</v>
      </c>
      <c r="J27" s="1" t="s">
        <v>146</v>
      </c>
      <c r="K27" s="1" t="s">
        <v>183</v>
      </c>
      <c r="L27" s="1" t="s">
        <v>32</v>
      </c>
      <c r="N27" s="1" t="s">
        <v>33</v>
      </c>
      <c r="O27" s="1" t="s">
        <v>34</v>
      </c>
      <c r="P27" s="1" t="s">
        <v>35</v>
      </c>
      <c r="Q27" s="1" t="s">
        <v>63</v>
      </c>
      <c r="R27" s="1" t="s">
        <v>179</v>
      </c>
      <c r="S27" s="1" t="s">
        <v>89</v>
      </c>
      <c r="T27" s="1" t="s">
        <v>76</v>
      </c>
      <c r="U27" s="1">
        <v>9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6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84</v>
      </c>
      <c r="B28" s="2">
        <v>0.4291666666666667</v>
      </c>
      <c r="C28" s="1" t="s">
        <v>477</v>
      </c>
      <c r="D28" s="1" t="s">
        <v>67</v>
      </c>
      <c r="E28" s="1" t="s">
        <v>68</v>
      </c>
      <c r="F28" s="1" t="s">
        <v>69</v>
      </c>
      <c r="G28" s="1" t="s">
        <v>185</v>
      </c>
      <c r="H28" s="1" t="s">
        <v>132</v>
      </c>
      <c r="I28" s="1" t="s">
        <v>186</v>
      </c>
      <c r="J28" s="1" t="s">
        <v>101</v>
      </c>
      <c r="K28" s="1" t="s">
        <v>102</v>
      </c>
      <c r="L28" s="1" t="s">
        <v>32</v>
      </c>
      <c r="N28" s="1" t="s">
        <v>33</v>
      </c>
      <c r="O28" s="1" t="s">
        <v>34</v>
      </c>
      <c r="P28" s="1" t="s">
        <v>35</v>
      </c>
      <c r="Q28" s="1" t="s">
        <v>134</v>
      </c>
      <c r="R28" s="1" t="s">
        <v>187</v>
      </c>
      <c r="S28" s="1" t="s">
        <v>89</v>
      </c>
      <c r="T28" s="1" t="s">
        <v>39</v>
      </c>
      <c r="U28" s="1">
        <v>7.6</v>
      </c>
      <c r="V28" s="3">
        <v>23000</v>
      </c>
      <c r="W28" s="1"/>
      <c r="X28" s="1">
        <v>1.1000000000000001</v>
      </c>
      <c r="Y28" s="1">
        <v>4.4999999999999998E-2</v>
      </c>
      <c r="Z28" s="1">
        <v>1.6999999999999999E-3</v>
      </c>
      <c r="AC28" s="1" t="s">
        <v>492</v>
      </c>
      <c r="AD28" s="1" t="s">
        <v>493</v>
      </c>
      <c r="AE28" s="1" t="s">
        <v>494</v>
      </c>
      <c r="AF28" s="1" t="s">
        <v>495</v>
      </c>
      <c r="AG28" s="1">
        <v>3.2000000000000002E-3</v>
      </c>
      <c r="AH28" s="1" t="s">
        <v>494</v>
      </c>
      <c r="AI28" s="1"/>
      <c r="AJ28" s="1"/>
      <c r="AK28" s="1"/>
      <c r="AL28" s="1" t="s">
        <v>496</v>
      </c>
      <c r="AM28" s="1"/>
      <c r="AN28" s="1"/>
      <c r="AO28" s="1"/>
      <c r="AP28" t="s">
        <v>496</v>
      </c>
      <c r="AQ28" s="1"/>
      <c r="AR28" s="1" t="s">
        <v>496</v>
      </c>
      <c r="AS28" s="1" t="s">
        <v>496</v>
      </c>
      <c r="AT28" s="1"/>
      <c r="AU28" s="1"/>
      <c r="AV28" s="1"/>
      <c r="AW28" s="1"/>
      <c r="AX28" s="1"/>
      <c r="AY28" s="1"/>
      <c r="AZ28" s="1" t="s">
        <v>502</v>
      </c>
      <c r="BA28" s="1">
        <v>7.1999999999999995E-2</v>
      </c>
      <c r="BB28" s="1" t="s">
        <v>503</v>
      </c>
      <c r="BC28" s="1">
        <v>1</v>
      </c>
      <c r="BD28" s="1">
        <v>1</v>
      </c>
      <c r="BF28" s="1" t="s">
        <v>504</v>
      </c>
      <c r="BG28" s="1">
        <v>5.9999999999999995E-4</v>
      </c>
      <c r="BH28" s="1">
        <v>0.02</v>
      </c>
      <c r="BI28" s="1" t="s">
        <v>493</v>
      </c>
      <c r="BJ28" s="1"/>
      <c r="BK28" s="1"/>
      <c r="BL28" s="1"/>
      <c r="BM28" s="1" t="s">
        <v>509</v>
      </c>
      <c r="BN28" s="1">
        <v>0.04</v>
      </c>
      <c r="BO28" s="1">
        <v>21</v>
      </c>
      <c r="BP28" s="1">
        <v>17</v>
      </c>
      <c r="BQ28" s="1"/>
      <c r="BR28" s="1" t="s">
        <v>510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3541666666666663</v>
      </c>
      <c r="C29" s="1" t="s">
        <v>477</v>
      </c>
      <c r="D29" s="1" t="s">
        <v>67</v>
      </c>
      <c r="E29" s="1" t="s">
        <v>68</v>
      </c>
      <c r="F29" s="1" t="s">
        <v>188</v>
      </c>
      <c r="G29" s="1" t="s">
        <v>189</v>
      </c>
      <c r="H29" s="1" t="s">
        <v>132</v>
      </c>
      <c r="I29" s="1" t="s">
        <v>190</v>
      </c>
      <c r="J29" s="1" t="s">
        <v>101</v>
      </c>
      <c r="K29" s="1" t="s">
        <v>191</v>
      </c>
      <c r="L29" s="1" t="s">
        <v>32</v>
      </c>
      <c r="N29" s="1" t="s">
        <v>33</v>
      </c>
      <c r="O29" s="1" t="s">
        <v>34</v>
      </c>
      <c r="P29" s="1" t="s">
        <v>35</v>
      </c>
      <c r="Q29" s="1" t="s">
        <v>63</v>
      </c>
      <c r="R29" s="1" t="s">
        <v>37</v>
      </c>
      <c r="S29" s="1" t="s">
        <v>192</v>
      </c>
      <c r="T29" s="1" t="s">
        <v>39</v>
      </c>
      <c r="U29" s="1">
        <v>8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24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89236111111111116</v>
      </c>
      <c r="C30" s="1" t="s">
        <v>477</v>
      </c>
      <c r="D30" s="1" t="s">
        <v>40</v>
      </c>
      <c r="E30" s="1" t="s">
        <v>68</v>
      </c>
      <c r="F30" s="1" t="s">
        <v>193</v>
      </c>
      <c r="G30" s="1" t="s">
        <v>194</v>
      </c>
      <c r="H30" s="1" t="s">
        <v>132</v>
      </c>
      <c r="I30" s="1" t="s">
        <v>190</v>
      </c>
      <c r="J30" s="1" t="s">
        <v>125</v>
      </c>
      <c r="K30" s="1" t="s">
        <v>195</v>
      </c>
      <c r="L30" s="1" t="s">
        <v>32</v>
      </c>
      <c r="N30" s="1" t="s">
        <v>33</v>
      </c>
      <c r="O30" s="1" t="s">
        <v>34</v>
      </c>
      <c r="P30" s="1" t="s">
        <v>35</v>
      </c>
      <c r="Q30" s="1" t="s">
        <v>55</v>
      </c>
      <c r="R30" s="1" t="s">
        <v>88</v>
      </c>
      <c r="S30" s="1" t="s">
        <v>56</v>
      </c>
      <c r="T30" s="1" t="s">
        <v>196</v>
      </c>
      <c r="U30" s="1">
        <v>8.4</v>
      </c>
      <c r="V30" s="1"/>
      <c r="W30" s="1"/>
      <c r="X30" s="1">
        <v>1.2</v>
      </c>
      <c r="Y30" s="1">
        <v>4.3999999999999997E-2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19</v>
      </c>
      <c r="BP30" s="1">
        <v>11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97</v>
      </c>
      <c r="B31" s="2">
        <v>0.1423611111111111</v>
      </c>
      <c r="C31" s="1" t="s">
        <v>477</v>
      </c>
      <c r="D31" s="1" t="s">
        <v>40</v>
      </c>
      <c r="E31" s="1" t="s">
        <v>68</v>
      </c>
      <c r="F31" s="1" t="s">
        <v>198</v>
      </c>
      <c r="G31" s="1" t="s">
        <v>194</v>
      </c>
      <c r="H31" s="1" t="s">
        <v>146</v>
      </c>
      <c r="I31" s="1" t="s">
        <v>199</v>
      </c>
      <c r="J31" s="1" t="s">
        <v>101</v>
      </c>
      <c r="K31" s="1" t="s">
        <v>191</v>
      </c>
      <c r="L31" s="1" t="s">
        <v>32</v>
      </c>
      <c r="N31" s="1" t="s">
        <v>33</v>
      </c>
      <c r="O31" s="1" t="s">
        <v>34</v>
      </c>
      <c r="P31" s="1" t="s">
        <v>35</v>
      </c>
      <c r="Q31" s="1" t="s">
        <v>55</v>
      </c>
      <c r="R31" s="1" t="s">
        <v>37</v>
      </c>
      <c r="S31" s="1" t="s">
        <v>192</v>
      </c>
      <c r="T31" s="1" t="s">
        <v>39</v>
      </c>
      <c r="U31" s="1">
        <v>8.3000000000000007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19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00</v>
      </c>
      <c r="B32" s="2">
        <v>0.4201388888888889</v>
      </c>
      <c r="C32" s="1" t="s">
        <v>477</v>
      </c>
      <c r="D32" s="1" t="s">
        <v>40</v>
      </c>
      <c r="E32" s="1" t="s">
        <v>68</v>
      </c>
      <c r="F32" s="1" t="s">
        <v>194</v>
      </c>
      <c r="G32" s="1" t="s">
        <v>201</v>
      </c>
      <c r="J32" s="1" t="s">
        <v>144</v>
      </c>
      <c r="K32" s="1" t="s">
        <v>138</v>
      </c>
      <c r="L32" s="1" t="s">
        <v>32</v>
      </c>
      <c r="N32" s="1" t="s">
        <v>33</v>
      </c>
      <c r="O32" s="1" t="s">
        <v>34</v>
      </c>
      <c r="P32" s="1" t="s">
        <v>35</v>
      </c>
      <c r="Q32" s="1" t="s">
        <v>48</v>
      </c>
      <c r="R32" s="1" t="s">
        <v>95</v>
      </c>
      <c r="S32" s="1" t="s">
        <v>83</v>
      </c>
      <c r="T32" s="1" t="s">
        <v>196</v>
      </c>
      <c r="U32" s="1">
        <v>9</v>
      </c>
      <c r="V32" s="3">
        <v>17000</v>
      </c>
      <c r="W32" s="1"/>
      <c r="X32" s="1">
        <v>1.1000000000000001</v>
      </c>
      <c r="Y32" s="1">
        <v>6.7000000000000004E-2</v>
      </c>
      <c r="Z32" s="1">
        <v>2.2000000000000001E-3</v>
      </c>
      <c r="AC32" s="1" t="s">
        <v>492</v>
      </c>
      <c r="AD32" s="1" t="s">
        <v>493</v>
      </c>
      <c r="AE32" s="1" t="s">
        <v>494</v>
      </c>
      <c r="AF32" s="1" t="s">
        <v>495</v>
      </c>
      <c r="AG32" s="1">
        <v>8.3000000000000001E-3</v>
      </c>
      <c r="AH32" s="1" t="s">
        <v>494</v>
      </c>
      <c r="AI32" s="1"/>
      <c r="AJ32" s="1"/>
      <c r="AK32" s="1"/>
      <c r="AL32" s="1" t="s">
        <v>496</v>
      </c>
      <c r="AM32" s="1"/>
      <c r="AN32" s="1"/>
      <c r="AO32" s="1"/>
      <c r="AP32" t="s">
        <v>496</v>
      </c>
      <c r="AQ32" s="1"/>
      <c r="AR32" s="1" t="s">
        <v>496</v>
      </c>
      <c r="AS32" s="1" t="s">
        <v>496</v>
      </c>
      <c r="AT32" s="1"/>
      <c r="AU32" s="1"/>
      <c r="AV32" s="1"/>
      <c r="AW32" s="1"/>
      <c r="AX32" s="1"/>
      <c r="AY32" s="1"/>
      <c r="AZ32" s="1"/>
      <c r="BA32" s="1"/>
      <c r="BB32" s="1" t="s">
        <v>503</v>
      </c>
      <c r="BC32" s="1">
        <v>1</v>
      </c>
      <c r="BD32" s="1">
        <v>1</v>
      </c>
      <c r="BF32" s="1"/>
      <c r="BG32" s="1"/>
      <c r="BH32" s="1"/>
      <c r="BI32" s="1"/>
      <c r="BJ32" s="1"/>
      <c r="BK32" s="1"/>
      <c r="BL32" s="1"/>
      <c r="BM32" s="1" t="s">
        <v>509</v>
      </c>
      <c r="BN32" s="1">
        <v>5.8000000000000003E-2</v>
      </c>
      <c r="BO32" s="1">
        <v>25</v>
      </c>
      <c r="BP32" s="1">
        <v>20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3888888888888895</v>
      </c>
      <c r="C33" s="1" t="s">
        <v>477</v>
      </c>
      <c r="D33" s="1" t="s">
        <v>40</v>
      </c>
      <c r="E33" s="1" t="s">
        <v>68</v>
      </c>
      <c r="F33" s="1" t="s">
        <v>115</v>
      </c>
      <c r="G33" s="1" t="s">
        <v>85</v>
      </c>
      <c r="J33" s="1" t="s">
        <v>202</v>
      </c>
      <c r="K33" s="1" t="s">
        <v>203</v>
      </c>
      <c r="L33" s="1" t="s">
        <v>32</v>
      </c>
      <c r="N33" s="1" t="s">
        <v>33</v>
      </c>
      <c r="O33" s="1" t="s">
        <v>54</v>
      </c>
      <c r="P33" s="1" t="s">
        <v>35</v>
      </c>
      <c r="Q33" s="1" t="s">
        <v>204</v>
      </c>
      <c r="R33" s="1" t="s">
        <v>187</v>
      </c>
      <c r="S33" s="1" t="s">
        <v>175</v>
      </c>
      <c r="T33" s="1" t="s">
        <v>76</v>
      </c>
      <c r="U33" s="1">
        <v>8.6999999999999993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24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88888888888888884</v>
      </c>
      <c r="C34" s="1" t="s">
        <v>477</v>
      </c>
      <c r="D34" s="1" t="s">
        <v>67</v>
      </c>
      <c r="E34" s="1" t="s">
        <v>68</v>
      </c>
      <c r="F34" s="1" t="s">
        <v>28</v>
      </c>
      <c r="G34" s="1" t="s">
        <v>205</v>
      </c>
      <c r="J34" s="1" t="s">
        <v>202</v>
      </c>
      <c r="K34" s="1" t="s">
        <v>126</v>
      </c>
      <c r="L34" s="1" t="s">
        <v>32</v>
      </c>
      <c r="N34" s="1" t="s">
        <v>33</v>
      </c>
      <c r="O34" s="1" t="s">
        <v>54</v>
      </c>
      <c r="P34" s="1" t="s">
        <v>35</v>
      </c>
      <c r="Q34" s="1" t="s">
        <v>55</v>
      </c>
      <c r="R34" s="1" t="s">
        <v>135</v>
      </c>
      <c r="S34" s="1" t="s">
        <v>89</v>
      </c>
      <c r="T34" s="1" t="s">
        <v>196</v>
      </c>
      <c r="U34" s="1">
        <v>8.8000000000000007</v>
      </c>
      <c r="V34" s="1"/>
      <c r="W34" s="1"/>
      <c r="X34" s="1">
        <v>1.1000000000000001</v>
      </c>
      <c r="Y34" s="1">
        <v>6.2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25</v>
      </c>
      <c r="BP34" s="1">
        <v>20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06</v>
      </c>
      <c r="B35" s="2">
        <v>0.13541666666666666</v>
      </c>
      <c r="C35" s="1" t="s">
        <v>477</v>
      </c>
      <c r="D35" s="1" t="s">
        <v>67</v>
      </c>
      <c r="E35" s="1" t="s">
        <v>68</v>
      </c>
      <c r="F35" s="1" t="s">
        <v>207</v>
      </c>
      <c r="G35" s="1" t="s">
        <v>208</v>
      </c>
      <c r="J35" s="1" t="s">
        <v>202</v>
      </c>
      <c r="K35" s="1" t="s">
        <v>209</v>
      </c>
      <c r="L35" s="1" t="s">
        <v>32</v>
      </c>
      <c r="N35" s="1" t="s">
        <v>33</v>
      </c>
      <c r="O35" s="1" t="s">
        <v>34</v>
      </c>
      <c r="P35" s="1" t="s">
        <v>35</v>
      </c>
      <c r="Q35" s="1" t="s">
        <v>55</v>
      </c>
      <c r="R35" s="1" t="s">
        <v>210</v>
      </c>
      <c r="S35" s="1" t="s">
        <v>89</v>
      </c>
      <c r="T35" s="1" t="s">
        <v>196</v>
      </c>
      <c r="U35" s="1">
        <v>9.1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25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211</v>
      </c>
      <c r="B36" s="2">
        <v>0.4201388888888889</v>
      </c>
      <c r="C36" s="1" t="s">
        <v>477</v>
      </c>
      <c r="D36" s="1" t="s">
        <v>67</v>
      </c>
      <c r="E36" s="1" t="s">
        <v>68</v>
      </c>
      <c r="F36" s="1" t="s">
        <v>176</v>
      </c>
      <c r="G36" s="1" t="s">
        <v>41</v>
      </c>
      <c r="H36" s="1" t="s">
        <v>212</v>
      </c>
      <c r="I36" s="1" t="s">
        <v>213</v>
      </c>
      <c r="J36" s="1" t="s">
        <v>101</v>
      </c>
      <c r="K36" s="1" t="s">
        <v>191</v>
      </c>
      <c r="L36" s="1" t="s">
        <v>214</v>
      </c>
      <c r="N36" s="1" t="s">
        <v>33</v>
      </c>
      <c r="O36" s="1" t="s">
        <v>104</v>
      </c>
      <c r="P36" s="1" t="s">
        <v>35</v>
      </c>
      <c r="Q36" s="1" t="s">
        <v>134</v>
      </c>
      <c r="R36" s="1" t="s">
        <v>74</v>
      </c>
      <c r="S36" s="1" t="s">
        <v>215</v>
      </c>
      <c r="T36" s="1" t="s">
        <v>216</v>
      </c>
      <c r="U36" s="1">
        <v>8.4</v>
      </c>
      <c r="V36" s="3">
        <v>33000</v>
      </c>
      <c r="W36" s="1"/>
      <c r="X36" s="1">
        <v>1.3</v>
      </c>
      <c r="Y36" s="1">
        <v>9.4E-2</v>
      </c>
      <c r="Z36" s="1">
        <v>2.3999999999999998E-3</v>
      </c>
      <c r="AC36" s="1" t="s">
        <v>492</v>
      </c>
      <c r="AD36" s="1" t="s">
        <v>493</v>
      </c>
      <c r="AE36" s="1" t="s">
        <v>494</v>
      </c>
      <c r="AF36" s="1" t="s">
        <v>495</v>
      </c>
      <c r="AG36" s="1">
        <v>6.8999999999999999E-3</v>
      </c>
      <c r="AH36" s="1" t="s">
        <v>494</v>
      </c>
      <c r="AI36" s="1"/>
      <c r="AJ36" s="1"/>
      <c r="AK36" s="1"/>
      <c r="AL36" s="1" t="s">
        <v>496</v>
      </c>
      <c r="AM36" s="1"/>
      <c r="AN36" s="1"/>
      <c r="AO36" s="1"/>
      <c r="AP36" t="s">
        <v>496</v>
      </c>
      <c r="AQ36" s="1"/>
      <c r="AR36" s="1" t="s">
        <v>496</v>
      </c>
      <c r="AS36" s="1" t="s">
        <v>496</v>
      </c>
      <c r="AT36" s="1"/>
      <c r="AU36" s="1"/>
      <c r="AV36" s="1"/>
      <c r="AW36" s="1"/>
      <c r="AX36" s="1"/>
      <c r="AY36" s="1"/>
      <c r="AZ36" s="1" t="s">
        <v>502</v>
      </c>
      <c r="BA36" s="1">
        <v>0.13</v>
      </c>
      <c r="BB36" s="1" t="s">
        <v>503</v>
      </c>
      <c r="BC36" s="1">
        <v>1.1000000000000001</v>
      </c>
      <c r="BD36" s="1">
        <v>1.1000000000000001</v>
      </c>
      <c r="BF36" s="1" t="s">
        <v>504</v>
      </c>
      <c r="BG36" s="1">
        <v>1.9E-3</v>
      </c>
      <c r="BH36" s="1">
        <v>0.06</v>
      </c>
      <c r="BI36" s="1" t="s">
        <v>493</v>
      </c>
      <c r="BJ36" s="1"/>
      <c r="BK36" s="1"/>
      <c r="BL36" s="1"/>
      <c r="BM36" s="1" t="s">
        <v>509</v>
      </c>
      <c r="BN36" s="1">
        <v>8.2000000000000003E-2</v>
      </c>
      <c r="BO36" s="1">
        <v>24</v>
      </c>
      <c r="BP36" s="1">
        <v>18</v>
      </c>
      <c r="BQ36" s="1"/>
      <c r="BR36" s="1" t="s">
        <v>510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3541666666666663</v>
      </c>
      <c r="C37" s="1" t="s">
        <v>477</v>
      </c>
      <c r="D37" s="1" t="s">
        <v>67</v>
      </c>
      <c r="E37" s="1" t="s">
        <v>68</v>
      </c>
      <c r="F37" s="1" t="s">
        <v>70</v>
      </c>
      <c r="G37" s="1" t="s">
        <v>217</v>
      </c>
      <c r="J37" s="1" t="s">
        <v>72</v>
      </c>
      <c r="K37" s="1" t="s">
        <v>218</v>
      </c>
      <c r="L37" s="1" t="s">
        <v>219</v>
      </c>
      <c r="N37" s="1" t="s">
        <v>33</v>
      </c>
      <c r="O37" s="1" t="s">
        <v>104</v>
      </c>
      <c r="P37" s="1" t="s">
        <v>35</v>
      </c>
      <c r="Q37" s="1" t="s">
        <v>134</v>
      </c>
      <c r="R37" s="1" t="s">
        <v>95</v>
      </c>
      <c r="S37" s="1" t="s">
        <v>220</v>
      </c>
      <c r="T37" s="1" t="s">
        <v>119</v>
      </c>
      <c r="U37" s="1">
        <v>8.9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24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89583333333333337</v>
      </c>
      <c r="C38" s="1" t="s">
        <v>477</v>
      </c>
      <c r="D38" s="1" t="s">
        <v>40</v>
      </c>
      <c r="E38" s="1" t="s">
        <v>68</v>
      </c>
      <c r="F38" s="1" t="s">
        <v>221</v>
      </c>
      <c r="G38" s="1" t="s">
        <v>61</v>
      </c>
      <c r="H38" s="1" t="s">
        <v>212</v>
      </c>
      <c r="I38" s="1" t="s">
        <v>222</v>
      </c>
      <c r="J38" s="1" t="s">
        <v>125</v>
      </c>
      <c r="K38" s="1" t="s">
        <v>195</v>
      </c>
      <c r="L38" s="1" t="s">
        <v>223</v>
      </c>
      <c r="N38" s="1" t="s">
        <v>33</v>
      </c>
      <c r="O38" s="1" t="s">
        <v>54</v>
      </c>
      <c r="P38" s="1" t="s">
        <v>35</v>
      </c>
      <c r="Q38" s="1" t="s">
        <v>55</v>
      </c>
      <c r="R38" s="1" t="s">
        <v>74</v>
      </c>
      <c r="S38" s="1" t="s">
        <v>129</v>
      </c>
      <c r="T38" s="1" t="s">
        <v>58</v>
      </c>
      <c r="U38" s="1">
        <v>8.6</v>
      </c>
      <c r="V38" s="1"/>
      <c r="W38" s="1"/>
      <c r="X38" s="1">
        <v>1.3</v>
      </c>
      <c r="Y38" s="1">
        <v>9.2999999999999999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20</v>
      </c>
      <c r="BP38" s="1">
        <v>18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24</v>
      </c>
      <c r="B39" s="2">
        <v>0.1388888888888889</v>
      </c>
      <c r="C39" s="1" t="s">
        <v>477</v>
      </c>
      <c r="D39" s="1" t="s">
        <v>40</v>
      </c>
      <c r="E39" s="1" t="s">
        <v>68</v>
      </c>
      <c r="F39" s="1" t="s">
        <v>225</v>
      </c>
      <c r="G39" s="1" t="s">
        <v>226</v>
      </c>
      <c r="J39" s="1" t="s">
        <v>132</v>
      </c>
      <c r="K39" s="1" t="s">
        <v>227</v>
      </c>
      <c r="L39" s="1" t="s">
        <v>32</v>
      </c>
      <c r="N39" s="1" t="s">
        <v>33</v>
      </c>
      <c r="O39" s="1" t="s">
        <v>34</v>
      </c>
      <c r="P39" s="1" t="s">
        <v>35</v>
      </c>
      <c r="Q39" s="1" t="s">
        <v>55</v>
      </c>
      <c r="R39" s="1" t="s">
        <v>74</v>
      </c>
      <c r="S39" s="1" t="s">
        <v>64</v>
      </c>
      <c r="T39" s="1" t="s">
        <v>58</v>
      </c>
      <c r="U39" s="1">
        <v>9.6999999999999993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20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228</v>
      </c>
      <c r="B40" s="2">
        <v>0.4236111111111111</v>
      </c>
      <c r="C40" s="1" t="s">
        <v>477</v>
      </c>
      <c r="D40" s="1" t="s">
        <v>67</v>
      </c>
      <c r="E40" s="1" t="s">
        <v>68</v>
      </c>
      <c r="F40" s="1" t="s">
        <v>229</v>
      </c>
      <c r="G40" s="1" t="s">
        <v>48</v>
      </c>
      <c r="J40" s="1" t="s">
        <v>72</v>
      </c>
      <c r="K40" s="1" t="s">
        <v>230</v>
      </c>
      <c r="L40" s="1" t="s">
        <v>32</v>
      </c>
      <c r="N40" s="1" t="s">
        <v>33</v>
      </c>
      <c r="O40" s="1" t="s">
        <v>34</v>
      </c>
      <c r="P40" s="1" t="s">
        <v>35</v>
      </c>
      <c r="Q40" s="1" t="s">
        <v>134</v>
      </c>
      <c r="R40" s="1" t="s">
        <v>95</v>
      </c>
      <c r="S40" s="1" t="s">
        <v>105</v>
      </c>
      <c r="T40" s="1" t="s">
        <v>231</v>
      </c>
      <c r="U40" s="1">
        <v>10.9</v>
      </c>
      <c r="V40" s="3">
        <v>3300</v>
      </c>
      <c r="W40" s="1"/>
      <c r="X40" s="1">
        <v>1.4</v>
      </c>
      <c r="Y40" s="1">
        <v>7.6999999999999999E-2</v>
      </c>
      <c r="Z40" s="1">
        <v>1.9E-3</v>
      </c>
      <c r="AC40" s="1" t="s">
        <v>492</v>
      </c>
      <c r="AD40" s="1" t="s">
        <v>493</v>
      </c>
      <c r="AE40" s="1" t="s">
        <v>494</v>
      </c>
      <c r="AF40" s="1" t="s">
        <v>495</v>
      </c>
      <c r="AG40" s="1">
        <v>1.0999999999999999E-2</v>
      </c>
      <c r="AH40" s="1" t="s">
        <v>494</v>
      </c>
      <c r="AI40" s="1"/>
      <c r="AJ40" s="1"/>
      <c r="AK40" s="1"/>
      <c r="AL40" s="1" t="s">
        <v>496</v>
      </c>
      <c r="AM40" s="1"/>
      <c r="AN40" s="1"/>
      <c r="AO40" s="1"/>
      <c r="AP40" t="s">
        <v>496</v>
      </c>
      <c r="AQ40" s="1"/>
      <c r="AR40" s="1" t="s">
        <v>496</v>
      </c>
      <c r="AS40" s="1" t="s">
        <v>496</v>
      </c>
      <c r="AT40" s="1"/>
      <c r="AU40" s="1"/>
      <c r="AV40" s="1"/>
      <c r="AW40" s="1"/>
      <c r="AX40" s="1"/>
      <c r="AY40" s="1"/>
      <c r="AZ40" s="1"/>
      <c r="BA40" s="1"/>
      <c r="BB40" s="1" t="s">
        <v>503</v>
      </c>
      <c r="BC40" s="1">
        <v>1.2</v>
      </c>
      <c r="BD40" s="1">
        <v>1.2</v>
      </c>
      <c r="BF40" s="1"/>
      <c r="BG40" s="1"/>
      <c r="BH40" s="1"/>
      <c r="BI40" s="1"/>
      <c r="BJ40" s="1"/>
      <c r="BK40" s="1"/>
      <c r="BL40" s="1"/>
      <c r="BM40" s="1" t="s">
        <v>509</v>
      </c>
      <c r="BN40" s="1">
        <v>6.7000000000000004E-2</v>
      </c>
      <c r="BO40" s="1">
        <v>28</v>
      </c>
      <c r="BP40" s="1">
        <v>25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3888888888888895</v>
      </c>
      <c r="C41" s="1" t="s">
        <v>477</v>
      </c>
      <c r="D41" s="1" t="s">
        <v>67</v>
      </c>
      <c r="E41" s="1" t="s">
        <v>68</v>
      </c>
      <c r="F41" s="1" t="s">
        <v>232</v>
      </c>
      <c r="G41" s="1" t="s">
        <v>233</v>
      </c>
      <c r="J41" s="1" t="s">
        <v>132</v>
      </c>
      <c r="K41" s="1" t="s">
        <v>227</v>
      </c>
      <c r="L41" s="1" t="s">
        <v>32</v>
      </c>
      <c r="N41" s="1" t="s">
        <v>33</v>
      </c>
      <c r="O41" s="1" t="s">
        <v>34</v>
      </c>
      <c r="P41" s="1" t="s">
        <v>35</v>
      </c>
      <c r="Q41" s="1" t="s">
        <v>234</v>
      </c>
      <c r="R41" s="1" t="s">
        <v>74</v>
      </c>
      <c r="S41" s="1" t="s">
        <v>38</v>
      </c>
      <c r="T41" s="1" t="s">
        <v>196</v>
      </c>
      <c r="U41" s="1">
        <v>10.7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28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89583333333333337</v>
      </c>
      <c r="C42" s="1" t="s">
        <v>477</v>
      </c>
      <c r="D42" s="1" t="s">
        <v>67</v>
      </c>
      <c r="E42" s="1" t="s">
        <v>68</v>
      </c>
      <c r="F42" s="1" t="s">
        <v>235</v>
      </c>
      <c r="G42" s="1" t="s">
        <v>134</v>
      </c>
      <c r="J42" s="1" t="s">
        <v>132</v>
      </c>
      <c r="K42" s="1" t="s">
        <v>236</v>
      </c>
      <c r="L42" s="1" t="s">
        <v>32</v>
      </c>
      <c r="N42" s="1" t="s">
        <v>33</v>
      </c>
      <c r="O42" s="1" t="s">
        <v>34</v>
      </c>
      <c r="P42" s="1" t="s">
        <v>35</v>
      </c>
      <c r="Q42" s="1" t="s">
        <v>63</v>
      </c>
      <c r="R42" s="1" t="s">
        <v>179</v>
      </c>
      <c r="S42" s="1" t="s">
        <v>105</v>
      </c>
      <c r="T42" s="1" t="s">
        <v>231</v>
      </c>
      <c r="U42" s="1">
        <v>10.7</v>
      </c>
      <c r="V42" s="1"/>
      <c r="W42" s="1"/>
      <c r="X42" s="1">
        <v>1.4</v>
      </c>
      <c r="Y42" s="1">
        <v>8.1000000000000003E-2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28</v>
      </c>
      <c r="BP42" s="1">
        <v>26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37</v>
      </c>
      <c r="B43" s="2">
        <v>0.1423611111111111</v>
      </c>
      <c r="C43" s="1" t="s">
        <v>477</v>
      </c>
      <c r="D43" s="1" t="s">
        <v>67</v>
      </c>
      <c r="E43" s="1" t="s">
        <v>68</v>
      </c>
      <c r="F43" s="1" t="s">
        <v>74</v>
      </c>
      <c r="G43" s="1" t="s">
        <v>238</v>
      </c>
      <c r="J43" s="1" t="s">
        <v>132</v>
      </c>
      <c r="K43" s="1" t="s">
        <v>133</v>
      </c>
      <c r="L43" s="1" t="s">
        <v>32</v>
      </c>
      <c r="N43" s="1" t="s">
        <v>33</v>
      </c>
      <c r="O43" s="1" t="s">
        <v>34</v>
      </c>
      <c r="P43" s="1" t="s">
        <v>35</v>
      </c>
      <c r="Q43" s="1" t="s">
        <v>63</v>
      </c>
      <c r="R43" s="1" t="s">
        <v>187</v>
      </c>
      <c r="S43" s="1" t="s">
        <v>105</v>
      </c>
      <c r="T43" s="1" t="s">
        <v>231</v>
      </c>
      <c r="U43" s="1">
        <v>10.6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28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39</v>
      </c>
      <c r="B44" s="2">
        <v>0.4375</v>
      </c>
      <c r="C44" s="1" t="s">
        <v>477</v>
      </c>
      <c r="D44" s="1" t="s">
        <v>40</v>
      </c>
      <c r="E44" s="1" t="s">
        <v>68</v>
      </c>
      <c r="F44" s="1" t="s">
        <v>240</v>
      </c>
      <c r="G44" s="1" t="s">
        <v>233</v>
      </c>
      <c r="J44" s="1" t="s">
        <v>241</v>
      </c>
      <c r="L44" s="1" t="s">
        <v>32</v>
      </c>
      <c r="N44" s="1" t="s">
        <v>33</v>
      </c>
      <c r="O44" s="1" t="s">
        <v>34</v>
      </c>
      <c r="P44" s="1" t="s">
        <v>35</v>
      </c>
      <c r="Q44" s="1" t="s">
        <v>36</v>
      </c>
      <c r="R44" s="1" t="s">
        <v>37</v>
      </c>
      <c r="S44" s="1" t="s">
        <v>38</v>
      </c>
      <c r="T44" s="1" t="s">
        <v>196</v>
      </c>
      <c r="U44" s="1">
        <v>10.6</v>
      </c>
      <c r="V44" s="3">
        <v>3300</v>
      </c>
      <c r="W44" s="1" t="s">
        <v>497</v>
      </c>
      <c r="X44" s="1">
        <v>1.5</v>
      </c>
      <c r="Y44" s="1">
        <v>0.11</v>
      </c>
      <c r="Z44" s="1">
        <v>3.0999999999999999E-3</v>
      </c>
      <c r="AA44" t="s">
        <v>522</v>
      </c>
      <c r="AB44" t="s">
        <v>524</v>
      </c>
      <c r="AC44" s="1" t="s">
        <v>492</v>
      </c>
      <c r="AD44" s="1" t="s">
        <v>493</v>
      </c>
      <c r="AE44" s="1" t="s">
        <v>494</v>
      </c>
      <c r="AF44" s="1" t="s">
        <v>495</v>
      </c>
      <c r="AG44" s="1">
        <v>1.2E-2</v>
      </c>
      <c r="AH44" s="1" t="s">
        <v>494</v>
      </c>
      <c r="AI44" s="1"/>
      <c r="AJ44" s="1" t="s">
        <v>494</v>
      </c>
      <c r="AK44" s="1" t="s">
        <v>496</v>
      </c>
      <c r="AL44" s="1" t="s">
        <v>496</v>
      </c>
      <c r="AM44" s="1" t="s">
        <v>496</v>
      </c>
      <c r="AN44" s="1" t="s">
        <v>496</v>
      </c>
      <c r="AO44" s="1" t="s">
        <v>496</v>
      </c>
      <c r="AP44" t="s">
        <v>496</v>
      </c>
      <c r="AQ44" s="1" t="s">
        <v>496</v>
      </c>
      <c r="AR44" s="1" t="s">
        <v>496</v>
      </c>
      <c r="AS44" s="1" t="s">
        <v>496</v>
      </c>
      <c r="AT44" s="1" t="s">
        <v>505</v>
      </c>
      <c r="AU44" s="1"/>
      <c r="AV44" s="1"/>
      <c r="AW44" s="1"/>
      <c r="AX44" s="1" t="s">
        <v>496</v>
      </c>
      <c r="AY44" s="1" t="s">
        <v>494</v>
      </c>
      <c r="AZ44" s="1" t="s">
        <v>502</v>
      </c>
      <c r="BA44" s="1">
        <v>0.22</v>
      </c>
      <c r="BB44" s="1" t="s">
        <v>503</v>
      </c>
      <c r="BC44" s="1">
        <v>1.3</v>
      </c>
      <c r="BD44" s="1">
        <v>1.3</v>
      </c>
      <c r="BE44" t="s">
        <v>504</v>
      </c>
      <c r="BF44" s="1" t="s">
        <v>504</v>
      </c>
      <c r="BG44" s="1">
        <v>1.1000000000000001E-3</v>
      </c>
      <c r="BH44" s="1">
        <v>0.03</v>
      </c>
      <c r="BI44" s="1" t="s">
        <v>493</v>
      </c>
      <c r="BJ44" s="1" t="s">
        <v>504</v>
      </c>
      <c r="BK44" s="1" t="s">
        <v>494</v>
      </c>
      <c r="BL44" s="1" t="s">
        <v>511</v>
      </c>
      <c r="BM44" s="1">
        <v>0.05</v>
      </c>
      <c r="BN44" s="1">
        <v>8.6999999999999994E-2</v>
      </c>
      <c r="BO44" s="1">
        <v>29</v>
      </c>
      <c r="BP44" s="1">
        <v>25</v>
      </c>
      <c r="BQ44" s="1"/>
      <c r="BR44" s="1" t="s">
        <v>510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4583333333333337</v>
      </c>
      <c r="C45" s="1" t="s">
        <v>477</v>
      </c>
      <c r="D45" s="1" t="s">
        <v>40</v>
      </c>
      <c r="E45" s="1" t="s">
        <v>68</v>
      </c>
      <c r="F45" s="1" t="s">
        <v>36</v>
      </c>
      <c r="G45" s="1" t="s">
        <v>242</v>
      </c>
      <c r="J45" s="1" t="s">
        <v>241</v>
      </c>
      <c r="L45" s="1" t="s">
        <v>32</v>
      </c>
      <c r="N45" s="1" t="s">
        <v>33</v>
      </c>
      <c r="O45" s="1" t="s">
        <v>34</v>
      </c>
      <c r="P45" s="1" t="s">
        <v>35</v>
      </c>
      <c r="Q45" s="1" t="s">
        <v>204</v>
      </c>
      <c r="R45" s="1" t="s">
        <v>243</v>
      </c>
      <c r="S45" s="1" t="s">
        <v>175</v>
      </c>
      <c r="T45" s="1" t="s">
        <v>196</v>
      </c>
      <c r="U45" s="1">
        <v>10.5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29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89236111111111116</v>
      </c>
      <c r="C46" s="1" t="s">
        <v>477</v>
      </c>
      <c r="D46" s="1" t="s">
        <v>40</v>
      </c>
      <c r="E46" s="1" t="s">
        <v>68</v>
      </c>
      <c r="F46" s="1" t="s">
        <v>244</v>
      </c>
      <c r="G46" s="1" t="s">
        <v>245</v>
      </c>
      <c r="J46" s="1" t="s">
        <v>241</v>
      </c>
      <c r="L46" s="1" t="s">
        <v>32</v>
      </c>
      <c r="N46" s="1" t="s">
        <v>33</v>
      </c>
      <c r="O46" s="1" t="s">
        <v>34</v>
      </c>
      <c r="P46" s="1" t="s">
        <v>35</v>
      </c>
      <c r="Q46" s="1" t="s">
        <v>55</v>
      </c>
      <c r="R46" s="1" t="s">
        <v>95</v>
      </c>
      <c r="S46" s="1" t="s">
        <v>38</v>
      </c>
      <c r="T46" s="1" t="s">
        <v>196</v>
      </c>
      <c r="U46" s="1">
        <v>11</v>
      </c>
      <c r="V46" s="1"/>
      <c r="W46" s="1"/>
      <c r="X46" s="1">
        <v>1.9</v>
      </c>
      <c r="Y46" s="1">
        <v>0.1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30</v>
      </c>
      <c r="BP46" s="1">
        <v>26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46</v>
      </c>
      <c r="B47" s="2">
        <v>0.1423611111111111</v>
      </c>
      <c r="C47" s="1" t="s">
        <v>477</v>
      </c>
      <c r="D47" s="1" t="s">
        <v>40</v>
      </c>
      <c r="E47" s="1" t="s">
        <v>68</v>
      </c>
      <c r="F47" s="1" t="s">
        <v>129</v>
      </c>
      <c r="G47" s="1" t="s">
        <v>247</v>
      </c>
      <c r="J47" s="1" t="s">
        <v>241</v>
      </c>
      <c r="L47" s="1" t="s">
        <v>32</v>
      </c>
      <c r="N47" s="1" t="s">
        <v>33</v>
      </c>
      <c r="O47" s="1" t="s">
        <v>34</v>
      </c>
      <c r="P47" s="1" t="s">
        <v>35</v>
      </c>
      <c r="Q47" s="1" t="s">
        <v>55</v>
      </c>
      <c r="R47" s="1" t="s">
        <v>210</v>
      </c>
      <c r="S47" s="1" t="s">
        <v>89</v>
      </c>
      <c r="T47" s="1" t="s">
        <v>196</v>
      </c>
      <c r="U47" s="1">
        <v>11.2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30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248</v>
      </c>
      <c r="B48" s="2">
        <v>0.41666666666666669</v>
      </c>
      <c r="C48" s="1" t="s">
        <v>477</v>
      </c>
      <c r="D48" s="1" t="s">
        <v>40</v>
      </c>
      <c r="E48" s="1" t="s">
        <v>68</v>
      </c>
      <c r="F48" s="1" t="s">
        <v>249</v>
      </c>
      <c r="G48" s="1" t="s">
        <v>250</v>
      </c>
      <c r="J48" s="1" t="s">
        <v>156</v>
      </c>
      <c r="K48" s="1" t="s">
        <v>251</v>
      </c>
      <c r="L48" s="1" t="s">
        <v>32</v>
      </c>
      <c r="N48" s="1" t="s">
        <v>33</v>
      </c>
      <c r="O48" s="1" t="s">
        <v>34</v>
      </c>
      <c r="P48" s="1" t="s">
        <v>35</v>
      </c>
      <c r="Q48" s="1" t="s">
        <v>134</v>
      </c>
      <c r="R48" s="1" t="s">
        <v>95</v>
      </c>
      <c r="S48" s="1" t="s">
        <v>38</v>
      </c>
      <c r="T48" s="1" t="s">
        <v>231</v>
      </c>
      <c r="U48" s="1">
        <v>8.6999999999999993</v>
      </c>
      <c r="V48" s="3">
        <v>3300</v>
      </c>
      <c r="W48" s="1"/>
      <c r="X48" s="1">
        <v>1.3</v>
      </c>
      <c r="Y48" s="1">
        <v>8.3000000000000004E-2</v>
      </c>
      <c r="Z48" s="1">
        <v>3.0000000000000001E-3</v>
      </c>
      <c r="AC48" s="1" t="s">
        <v>492</v>
      </c>
      <c r="AD48" s="1" t="s">
        <v>493</v>
      </c>
      <c r="AE48" s="1" t="s">
        <v>494</v>
      </c>
      <c r="AF48" s="1" t="s">
        <v>495</v>
      </c>
      <c r="AG48" s="1">
        <v>0.01</v>
      </c>
      <c r="AH48" s="1" t="s">
        <v>494</v>
      </c>
      <c r="AI48" s="1"/>
      <c r="AJ48" s="1"/>
      <c r="AK48" s="1"/>
      <c r="AL48" s="1" t="s">
        <v>496</v>
      </c>
      <c r="AM48" s="1"/>
      <c r="AN48" s="1"/>
      <c r="AO48" s="1"/>
      <c r="AP48" t="s">
        <v>496</v>
      </c>
      <c r="AQ48" s="1"/>
      <c r="AR48" s="1" t="s">
        <v>496</v>
      </c>
      <c r="AS48" s="1" t="s">
        <v>496</v>
      </c>
      <c r="AT48" s="1"/>
      <c r="AU48" s="1" t="s">
        <v>494</v>
      </c>
      <c r="AV48" s="1" t="s">
        <v>492</v>
      </c>
      <c r="AW48" s="1" t="s">
        <v>492</v>
      </c>
      <c r="AX48" s="1"/>
      <c r="AY48" s="1"/>
      <c r="AZ48" s="1"/>
      <c r="BA48" s="1"/>
      <c r="BB48" s="1" t="s">
        <v>503</v>
      </c>
      <c r="BC48" s="1">
        <v>1.2</v>
      </c>
      <c r="BD48" s="1">
        <v>1.2</v>
      </c>
      <c r="BF48" s="1"/>
      <c r="BG48" s="1"/>
      <c r="BH48" s="1"/>
      <c r="BI48" s="1"/>
      <c r="BJ48" s="1"/>
      <c r="BK48" s="1"/>
      <c r="BL48" s="1"/>
      <c r="BM48" s="1" t="s">
        <v>509</v>
      </c>
      <c r="BN48" s="1">
        <v>6.8000000000000005E-2</v>
      </c>
      <c r="BO48" s="1">
        <v>28</v>
      </c>
      <c r="BP48" s="1">
        <v>29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4583333333333337</v>
      </c>
      <c r="C49" s="1" t="s">
        <v>477</v>
      </c>
      <c r="D49" s="1" t="s">
        <v>40</v>
      </c>
      <c r="E49" s="1" t="s">
        <v>68</v>
      </c>
      <c r="F49" s="1" t="s">
        <v>252</v>
      </c>
      <c r="G49" s="1" t="s">
        <v>253</v>
      </c>
      <c r="J49" s="1" t="s">
        <v>156</v>
      </c>
      <c r="K49" s="1" t="s">
        <v>251</v>
      </c>
      <c r="L49" s="1" t="s">
        <v>32</v>
      </c>
      <c r="N49" s="1" t="s">
        <v>33</v>
      </c>
      <c r="O49" s="1" t="s">
        <v>34</v>
      </c>
      <c r="P49" s="1" t="s">
        <v>35</v>
      </c>
      <c r="Q49" s="1" t="s">
        <v>204</v>
      </c>
      <c r="R49" s="1" t="s">
        <v>210</v>
      </c>
      <c r="S49" s="1" t="s">
        <v>56</v>
      </c>
      <c r="T49" s="1" t="s">
        <v>196</v>
      </c>
      <c r="U49" s="1">
        <v>9.6999999999999993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26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88541666666666663</v>
      </c>
      <c r="C50" s="1" t="s">
        <v>477</v>
      </c>
      <c r="D50" s="1" t="s">
        <v>40</v>
      </c>
      <c r="E50" s="1" t="s">
        <v>68</v>
      </c>
      <c r="F50" s="1" t="s">
        <v>254</v>
      </c>
      <c r="G50" s="1" t="s">
        <v>255</v>
      </c>
      <c r="J50" s="1" t="s">
        <v>256</v>
      </c>
      <c r="K50" s="1" t="s">
        <v>257</v>
      </c>
      <c r="L50" s="1" t="s">
        <v>32</v>
      </c>
      <c r="N50" s="1" t="s">
        <v>33</v>
      </c>
      <c r="O50" s="1" t="s">
        <v>34</v>
      </c>
      <c r="P50" s="1" t="s">
        <v>35</v>
      </c>
      <c r="Q50" s="1" t="s">
        <v>63</v>
      </c>
      <c r="R50" s="1" t="s">
        <v>74</v>
      </c>
      <c r="S50" s="1" t="s">
        <v>83</v>
      </c>
      <c r="T50" s="1" t="s">
        <v>76</v>
      </c>
      <c r="U50" s="1">
        <v>9.1</v>
      </c>
      <c r="V50" s="1"/>
      <c r="W50" s="1"/>
      <c r="X50" s="1">
        <v>1.4</v>
      </c>
      <c r="Y50" s="1">
        <v>9.0999999999999998E-2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29</v>
      </c>
      <c r="BP50" s="1">
        <v>25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258</v>
      </c>
      <c r="B51" s="2">
        <v>0.1388888888888889</v>
      </c>
      <c r="C51" s="1" t="s">
        <v>477</v>
      </c>
      <c r="D51" s="1" t="s">
        <v>27</v>
      </c>
      <c r="E51" s="1" t="s">
        <v>68</v>
      </c>
      <c r="F51" s="1" t="s">
        <v>259</v>
      </c>
      <c r="G51" s="1" t="s">
        <v>260</v>
      </c>
      <c r="J51" s="1" t="s">
        <v>144</v>
      </c>
      <c r="K51" s="1" t="s">
        <v>261</v>
      </c>
      <c r="L51" s="1" t="s">
        <v>103</v>
      </c>
      <c r="N51" s="1" t="s">
        <v>33</v>
      </c>
      <c r="O51" s="1" t="s">
        <v>104</v>
      </c>
      <c r="P51" s="1" t="s">
        <v>35</v>
      </c>
      <c r="Q51" s="1" t="s">
        <v>63</v>
      </c>
      <c r="R51" s="1" t="s">
        <v>243</v>
      </c>
      <c r="S51" s="1" t="s">
        <v>262</v>
      </c>
      <c r="T51" s="1" t="s">
        <v>263</v>
      </c>
      <c r="U51" s="1">
        <v>9.5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19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52" spans="1:78" x14ac:dyDescent="0.15">
      <c r="U52" s="1"/>
    </row>
    <row r="53" spans="1:78" x14ac:dyDescent="0.15">
      <c r="U53" s="1"/>
    </row>
    <row r="54" spans="1:78" x14ac:dyDescent="0.15">
      <c r="U54" s="1"/>
    </row>
    <row r="55" spans="1:78" x14ac:dyDescent="0.15">
      <c r="U55" s="1"/>
    </row>
    <row r="56" spans="1:78" x14ac:dyDescent="0.15">
      <c r="U56" s="1"/>
    </row>
    <row r="57" spans="1:78" x14ac:dyDescent="0.15">
      <c r="U57" s="1"/>
    </row>
    <row r="58" spans="1:78" x14ac:dyDescent="0.15">
      <c r="U58" s="1"/>
    </row>
    <row r="59" spans="1:78" x14ac:dyDescent="0.15">
      <c r="U59" s="1"/>
    </row>
    <row r="60" spans="1:78" x14ac:dyDescent="0.15">
      <c r="U60" s="1"/>
    </row>
    <row r="61" spans="1:78" x14ac:dyDescent="0.15">
      <c r="U61" s="1"/>
    </row>
    <row r="62" spans="1:78" x14ac:dyDescent="0.15">
      <c r="U62" s="1"/>
    </row>
    <row r="63" spans="1:78" x14ac:dyDescent="0.15">
      <c r="U63" s="1"/>
    </row>
    <row r="64" spans="1:78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4" spans="21:21" x14ac:dyDescent="0.15">
      <c r="U94" s="1"/>
    </row>
    <row r="95" spans="21:21" x14ac:dyDescent="0.15">
      <c r="U95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7" spans="21:21" x14ac:dyDescent="0.15">
      <c r="U147" s="1"/>
    </row>
    <row r="148" spans="21:21" x14ac:dyDescent="0.15">
      <c r="U148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280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8</v>
      </c>
      <c r="C1" s="1" t="s">
        <v>1</v>
      </c>
      <c r="D1" s="1" t="s">
        <v>479</v>
      </c>
      <c r="E1" s="1" t="s">
        <v>2</v>
      </c>
      <c r="F1" s="1" t="s">
        <v>480</v>
      </c>
      <c r="G1" s="1" t="s">
        <v>3</v>
      </c>
      <c r="H1" s="1" t="s">
        <v>48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0</v>
      </c>
      <c r="V2" s="1" t="s">
        <v>419</v>
      </c>
      <c r="W2" s="1" t="s">
        <v>489</v>
      </c>
      <c r="X2" s="1" t="s">
        <v>420</v>
      </c>
      <c r="Y2" s="1" t="s">
        <v>421</v>
      </c>
      <c r="Z2" s="1" t="s">
        <v>422</v>
      </c>
      <c r="AA2" s="1" t="s">
        <v>517</v>
      </c>
      <c r="AB2" s="1" t="s">
        <v>521</v>
      </c>
      <c r="AC2" s="1" t="s">
        <v>423</v>
      </c>
      <c r="AD2" s="1" t="s">
        <v>424</v>
      </c>
      <c r="AE2" s="1" t="s">
        <v>490</v>
      </c>
      <c r="AF2" s="1" t="s">
        <v>425</v>
      </c>
      <c r="AG2" s="1" t="s">
        <v>426</v>
      </c>
      <c r="AH2" s="1" t="s">
        <v>427</v>
      </c>
      <c r="AI2" s="1" t="s">
        <v>428</v>
      </c>
      <c r="AJ2" s="1" t="s">
        <v>429</v>
      </c>
      <c r="AK2" s="1" t="s">
        <v>430</v>
      </c>
      <c r="AL2" s="1" t="s">
        <v>431</v>
      </c>
      <c r="AM2" s="1" t="s">
        <v>432</v>
      </c>
      <c r="AN2" s="1" t="s">
        <v>433</v>
      </c>
      <c r="AO2" s="1" t="s">
        <v>434</v>
      </c>
      <c r="AP2" t="s">
        <v>512</v>
      </c>
      <c r="AQ2" s="1" t="s">
        <v>435</v>
      </c>
      <c r="AR2" s="1" t="s">
        <v>436</v>
      </c>
      <c r="AS2" s="1" t="s">
        <v>437</v>
      </c>
      <c r="AT2" s="1" t="s">
        <v>499</v>
      </c>
      <c r="AU2" s="1" t="s">
        <v>438</v>
      </c>
      <c r="AV2" s="1" t="s">
        <v>439</v>
      </c>
      <c r="AW2" s="1" t="s">
        <v>440</v>
      </c>
      <c r="AX2" s="1" t="s">
        <v>441</v>
      </c>
      <c r="AY2" s="1" t="s">
        <v>442</v>
      </c>
      <c r="AZ2" s="1" t="s">
        <v>443</v>
      </c>
      <c r="BA2" s="1" t="s">
        <v>444</v>
      </c>
      <c r="BB2" s="1" t="s">
        <v>445</v>
      </c>
      <c r="BC2" s="1" t="s">
        <v>446</v>
      </c>
      <c r="BD2" s="1" t="s">
        <v>447</v>
      </c>
      <c r="BE2" s="1" t="s">
        <v>516</v>
      </c>
      <c r="BF2" s="1" t="s">
        <v>448</v>
      </c>
      <c r="BG2" s="1" t="s">
        <v>500</v>
      </c>
      <c r="BH2" s="1" t="s">
        <v>501</v>
      </c>
      <c r="BI2" s="1" t="s">
        <v>449</v>
      </c>
      <c r="BJ2" s="1" t="s">
        <v>450</v>
      </c>
      <c r="BK2" s="1" t="s">
        <v>451</v>
      </c>
      <c r="BL2" s="1" t="s">
        <v>452</v>
      </c>
      <c r="BM2" s="1" t="s">
        <v>453</v>
      </c>
      <c r="BN2" s="1" t="s">
        <v>454</v>
      </c>
      <c r="BO2" s="1" t="s">
        <v>455</v>
      </c>
      <c r="BP2" s="1" t="s">
        <v>456</v>
      </c>
      <c r="BQ2" s="1" t="s">
        <v>457</v>
      </c>
      <c r="BR2" s="1" t="s">
        <v>458</v>
      </c>
      <c r="BS2" s="1" t="s">
        <v>459</v>
      </c>
      <c r="BT2" s="1" t="s">
        <v>460</v>
      </c>
      <c r="BU2" s="1" t="s">
        <v>461</v>
      </c>
      <c r="BV2" s="1" t="s">
        <v>462</v>
      </c>
      <c r="BW2" s="1" t="s">
        <v>463</v>
      </c>
      <c r="BX2" s="1" t="s">
        <v>464</v>
      </c>
      <c r="BY2" s="1" t="s">
        <v>465</v>
      </c>
      <c r="BZ2" s="1" t="s">
        <v>506</v>
      </c>
    </row>
    <row r="3" spans="1:78" x14ac:dyDescent="0.15">
      <c r="A3" s="1" t="s">
        <v>471</v>
      </c>
      <c r="B3" s="1" t="s">
        <v>472</v>
      </c>
      <c r="C3" s="1"/>
      <c r="D3" s="1"/>
      <c r="E3" s="1"/>
      <c r="F3" s="1" t="s">
        <v>473</v>
      </c>
      <c r="G3" s="1" t="s">
        <v>473</v>
      </c>
      <c r="H3" s="1" t="s">
        <v>474</v>
      </c>
      <c r="I3" s="1" t="s">
        <v>24</v>
      </c>
      <c r="J3" s="1" t="s">
        <v>475</v>
      </c>
      <c r="K3" s="1" t="s">
        <v>475</v>
      </c>
      <c r="L3" s="1" t="s">
        <v>476</v>
      </c>
      <c r="M3" s="1" t="s">
        <v>47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49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07</v>
      </c>
      <c r="BP3" s="1" t="s">
        <v>25</v>
      </c>
      <c r="BQ3" s="1" t="s">
        <v>508</v>
      </c>
      <c r="BR3" s="1" t="s">
        <v>25</v>
      </c>
      <c r="BS3" s="1" t="s">
        <v>25</v>
      </c>
      <c r="BT3" s="1" t="s">
        <v>51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6527777777777773</v>
      </c>
      <c r="C4" s="1" t="s">
        <v>477</v>
      </c>
      <c r="D4" s="1" t="s">
        <v>264</v>
      </c>
      <c r="E4" s="1" t="s">
        <v>68</v>
      </c>
      <c r="F4" s="1" t="s">
        <v>226</v>
      </c>
      <c r="G4" s="1" t="s">
        <v>265</v>
      </c>
      <c r="I4" s="1" t="s">
        <v>105</v>
      </c>
      <c r="J4" s="1" t="s">
        <v>256</v>
      </c>
      <c r="K4" s="1" t="s">
        <v>266</v>
      </c>
      <c r="L4" s="1" t="s">
        <v>32</v>
      </c>
      <c r="N4" s="1" t="s">
        <v>33</v>
      </c>
      <c r="O4" s="1" t="s">
        <v>34</v>
      </c>
      <c r="P4" s="1" t="s">
        <v>35</v>
      </c>
      <c r="Q4" s="1" t="s">
        <v>63</v>
      </c>
      <c r="R4" s="1" t="s">
        <v>74</v>
      </c>
      <c r="S4" s="1" t="s">
        <v>163</v>
      </c>
      <c r="T4" s="1" t="s">
        <v>65</v>
      </c>
      <c r="U4" s="1">
        <v>10.199999999999999</v>
      </c>
      <c r="V4" s="3">
        <v>7900</v>
      </c>
      <c r="W4" s="1"/>
      <c r="X4" s="1">
        <v>0.95</v>
      </c>
      <c r="Y4" s="1">
        <v>0.1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493</v>
      </c>
      <c r="BC4" s="1">
        <v>0.74</v>
      </c>
      <c r="BD4" s="1">
        <v>0.79</v>
      </c>
      <c r="BE4" s="1"/>
      <c r="BF4" s="1"/>
      <c r="BG4" s="1"/>
      <c r="BH4" s="1"/>
      <c r="BI4" s="1"/>
      <c r="BJ4" s="1"/>
      <c r="BK4" s="1"/>
      <c r="BL4" s="1"/>
      <c r="BM4" s="1" t="s">
        <v>509</v>
      </c>
      <c r="BN4" s="1">
        <v>0.11</v>
      </c>
      <c r="BO4" s="1">
        <v>35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267</v>
      </c>
      <c r="B5" s="2">
        <v>0.49722222222222223</v>
      </c>
      <c r="C5" s="1" t="s">
        <v>477</v>
      </c>
      <c r="D5" s="1" t="s">
        <v>67</v>
      </c>
      <c r="E5" s="1" t="s">
        <v>68</v>
      </c>
      <c r="F5" s="1" t="s">
        <v>137</v>
      </c>
      <c r="G5" s="1" t="s">
        <v>268</v>
      </c>
      <c r="I5" s="1" t="s">
        <v>49</v>
      </c>
      <c r="J5" s="1" t="s">
        <v>127</v>
      </c>
      <c r="K5" s="1" t="s">
        <v>269</v>
      </c>
      <c r="L5" s="1" t="s">
        <v>32</v>
      </c>
      <c r="N5" s="1" t="s">
        <v>33</v>
      </c>
      <c r="O5" s="1" t="s">
        <v>34</v>
      </c>
      <c r="P5" s="1" t="s">
        <v>35</v>
      </c>
      <c r="Q5" s="1" t="s">
        <v>63</v>
      </c>
      <c r="R5" s="1" t="s">
        <v>162</v>
      </c>
      <c r="S5" s="1" t="s">
        <v>74</v>
      </c>
      <c r="U5" s="1">
        <v>10.1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0</v>
      </c>
      <c r="BP5" s="1">
        <v>26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70</v>
      </c>
      <c r="B6" s="2">
        <v>0.4375</v>
      </c>
      <c r="C6" s="1" t="s">
        <v>477</v>
      </c>
      <c r="D6" s="1" t="s">
        <v>67</v>
      </c>
      <c r="E6" s="1" t="s">
        <v>68</v>
      </c>
      <c r="F6" s="1" t="s">
        <v>271</v>
      </c>
      <c r="G6" s="1" t="s">
        <v>272</v>
      </c>
      <c r="I6" s="1" t="s">
        <v>192</v>
      </c>
      <c r="J6" s="1" t="s">
        <v>132</v>
      </c>
      <c r="K6" s="1" t="s">
        <v>273</v>
      </c>
      <c r="L6" s="1" t="s">
        <v>32</v>
      </c>
      <c r="N6" s="1" t="s">
        <v>33</v>
      </c>
      <c r="O6" s="1" t="s">
        <v>34</v>
      </c>
      <c r="P6" s="1" t="s">
        <v>35</v>
      </c>
      <c r="Q6" s="1" t="s">
        <v>134</v>
      </c>
      <c r="R6" s="1" t="s">
        <v>135</v>
      </c>
      <c r="S6" s="1" t="s">
        <v>56</v>
      </c>
      <c r="T6" s="1" t="s">
        <v>196</v>
      </c>
      <c r="U6" s="1">
        <v>10</v>
      </c>
      <c r="V6" s="3">
        <v>2600</v>
      </c>
      <c r="W6" s="1"/>
      <c r="X6" s="1">
        <v>0.87</v>
      </c>
      <c r="Y6" s="1">
        <v>8.2000000000000003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1</v>
      </c>
      <c r="BC6" s="1">
        <v>0.64</v>
      </c>
      <c r="BD6" s="1">
        <v>0.69</v>
      </c>
      <c r="BE6" s="1"/>
      <c r="BF6" s="1"/>
      <c r="BG6" s="1"/>
      <c r="BH6" s="1"/>
      <c r="BI6" s="1"/>
      <c r="BJ6" s="1"/>
      <c r="BK6" s="1"/>
      <c r="BL6" s="1"/>
      <c r="BM6" s="1" t="s">
        <v>509</v>
      </c>
      <c r="BN6" s="1">
        <v>6.9000000000000006E-2</v>
      </c>
      <c r="BO6" s="1">
        <v>34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22</v>
      </c>
      <c r="B7" s="2">
        <v>0.4236111111111111</v>
      </c>
      <c r="C7" s="1" t="s">
        <v>477</v>
      </c>
      <c r="D7" s="1" t="s">
        <v>264</v>
      </c>
      <c r="E7" s="1" t="s">
        <v>68</v>
      </c>
      <c r="F7" s="1" t="s">
        <v>274</v>
      </c>
      <c r="G7" s="1" t="s">
        <v>143</v>
      </c>
      <c r="I7" s="1" t="s">
        <v>38</v>
      </c>
      <c r="J7" s="1" t="s">
        <v>132</v>
      </c>
      <c r="K7" s="1" t="s">
        <v>236</v>
      </c>
      <c r="L7" s="1" t="s">
        <v>32</v>
      </c>
      <c r="N7" s="1" t="s">
        <v>33</v>
      </c>
      <c r="O7" s="1" t="s">
        <v>34</v>
      </c>
      <c r="P7" s="1" t="s">
        <v>35</v>
      </c>
      <c r="Q7" s="1" t="s">
        <v>36</v>
      </c>
      <c r="R7" s="1" t="s">
        <v>210</v>
      </c>
      <c r="S7" s="1" t="s">
        <v>187</v>
      </c>
      <c r="U7" s="1">
        <v>9.5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494</v>
      </c>
      <c r="AV7" s="1" t="s">
        <v>492</v>
      </c>
      <c r="AW7" s="1" t="s">
        <v>492</v>
      </c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3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75</v>
      </c>
      <c r="B8" s="2">
        <v>0.46736111111111112</v>
      </c>
      <c r="C8" s="1" t="s">
        <v>477</v>
      </c>
      <c r="D8" s="1" t="s">
        <v>40</v>
      </c>
      <c r="E8" s="1" t="s">
        <v>68</v>
      </c>
      <c r="F8" s="1" t="s">
        <v>276</v>
      </c>
      <c r="G8" s="1" t="s">
        <v>277</v>
      </c>
      <c r="I8" s="1" t="s">
        <v>83</v>
      </c>
      <c r="J8" s="1" t="s">
        <v>127</v>
      </c>
      <c r="K8" s="1" t="s">
        <v>269</v>
      </c>
      <c r="L8" s="1" t="s">
        <v>32</v>
      </c>
      <c r="N8" s="1" t="s">
        <v>33</v>
      </c>
      <c r="O8" s="1" t="s">
        <v>34</v>
      </c>
      <c r="P8" s="1" t="s">
        <v>35</v>
      </c>
      <c r="Q8" s="1" t="s">
        <v>134</v>
      </c>
      <c r="R8" s="1" t="s">
        <v>210</v>
      </c>
      <c r="S8" s="1" t="s">
        <v>179</v>
      </c>
      <c r="T8" s="1" t="s">
        <v>39</v>
      </c>
      <c r="U8" s="1">
        <v>9.1999999999999993</v>
      </c>
      <c r="V8" s="3">
        <v>11000</v>
      </c>
      <c r="W8" s="1"/>
      <c r="X8" s="1">
        <v>1.1000000000000001</v>
      </c>
      <c r="Y8" s="1">
        <v>7.4999999999999997E-2</v>
      </c>
      <c r="Z8" s="1"/>
      <c r="AA8" s="1"/>
      <c r="AB8" s="1"/>
      <c r="AC8" s="1" t="s">
        <v>492</v>
      </c>
      <c r="AD8" s="1" t="s">
        <v>493</v>
      </c>
      <c r="AE8" s="1" t="s">
        <v>494</v>
      </c>
      <c r="AF8" s="1" t="s">
        <v>495</v>
      </c>
      <c r="AG8" s="1">
        <v>1.9E-2</v>
      </c>
      <c r="AH8" s="1" t="s">
        <v>494</v>
      </c>
      <c r="AI8" s="1"/>
      <c r="AJ8" s="1"/>
      <c r="AK8" s="1" t="s">
        <v>498</v>
      </c>
      <c r="AL8" s="1" t="s">
        <v>498</v>
      </c>
      <c r="AM8" s="1" t="s">
        <v>498</v>
      </c>
      <c r="AN8" s="1" t="s">
        <v>498</v>
      </c>
      <c r="AO8" s="1" t="s">
        <v>498</v>
      </c>
      <c r="AP8" t="s">
        <v>498</v>
      </c>
      <c r="AQ8" s="1" t="s">
        <v>498</v>
      </c>
      <c r="AR8" s="1" t="s">
        <v>498</v>
      </c>
      <c r="AS8" s="1" t="s">
        <v>498</v>
      </c>
      <c r="AT8" s="1" t="s">
        <v>496</v>
      </c>
      <c r="AU8" s="1"/>
      <c r="AV8" s="1"/>
      <c r="AW8" s="1"/>
      <c r="AX8" s="1" t="s">
        <v>498</v>
      </c>
      <c r="AY8" s="1" t="s">
        <v>494</v>
      </c>
      <c r="AZ8" s="1" t="s">
        <v>502</v>
      </c>
      <c r="BA8" s="1">
        <v>0.27</v>
      </c>
      <c r="BB8" s="1">
        <v>0.02</v>
      </c>
      <c r="BC8" s="1">
        <v>0.77</v>
      </c>
      <c r="BD8" s="1">
        <v>0.82</v>
      </c>
      <c r="BE8" s="1" t="s">
        <v>504</v>
      </c>
      <c r="BF8" s="1"/>
      <c r="BG8" s="1"/>
      <c r="BH8" s="1"/>
      <c r="BI8" s="1"/>
      <c r="BJ8" s="1"/>
      <c r="BK8" s="1"/>
      <c r="BL8" s="1"/>
      <c r="BM8" s="1" t="s">
        <v>509</v>
      </c>
      <c r="BN8" s="1">
        <v>6.5000000000000002E-2</v>
      </c>
      <c r="BO8" s="1">
        <v>33</v>
      </c>
      <c r="BP8" s="1">
        <v>29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78</v>
      </c>
      <c r="B9" s="2">
        <v>0.42430555555555555</v>
      </c>
      <c r="C9" s="1" t="s">
        <v>477</v>
      </c>
      <c r="D9" s="1" t="s">
        <v>40</v>
      </c>
      <c r="E9" s="1" t="s">
        <v>68</v>
      </c>
      <c r="F9" s="1" t="s">
        <v>98</v>
      </c>
      <c r="G9" s="1" t="s">
        <v>85</v>
      </c>
      <c r="I9" s="1" t="s">
        <v>235</v>
      </c>
      <c r="J9" s="1" t="s">
        <v>127</v>
      </c>
      <c r="K9" s="1" t="s">
        <v>139</v>
      </c>
      <c r="L9" s="1" t="s">
        <v>32</v>
      </c>
      <c r="N9" s="1" t="s">
        <v>33</v>
      </c>
      <c r="O9" s="1" t="s">
        <v>34</v>
      </c>
      <c r="P9" s="1" t="s">
        <v>35</v>
      </c>
      <c r="Q9" s="1" t="s">
        <v>36</v>
      </c>
      <c r="R9" s="1" t="s">
        <v>88</v>
      </c>
      <c r="S9" s="1" t="s">
        <v>37</v>
      </c>
      <c r="U9" s="1">
        <v>9.3000000000000007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 t="s">
        <v>525</v>
      </c>
      <c r="BF9" s="1"/>
      <c r="BG9" s="1"/>
      <c r="BH9" s="1"/>
      <c r="BI9" s="1"/>
      <c r="BJ9" s="1"/>
      <c r="BK9" s="1"/>
      <c r="BL9" s="1"/>
      <c r="BM9" s="1"/>
      <c r="BN9" s="1"/>
      <c r="BO9" s="1">
        <v>29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79</v>
      </c>
      <c r="B10" s="2">
        <v>0.44027777777777777</v>
      </c>
      <c r="C10" s="1" t="s">
        <v>477</v>
      </c>
      <c r="D10" s="1" t="s">
        <v>67</v>
      </c>
      <c r="E10" s="1" t="s">
        <v>68</v>
      </c>
      <c r="F10" s="1" t="s">
        <v>280</v>
      </c>
      <c r="G10" s="1" t="s">
        <v>281</v>
      </c>
      <c r="I10" s="1" t="s">
        <v>235</v>
      </c>
      <c r="J10" s="1" t="s">
        <v>127</v>
      </c>
      <c r="K10" s="1" t="s">
        <v>168</v>
      </c>
      <c r="L10" s="1" t="s">
        <v>32</v>
      </c>
      <c r="N10" s="1" t="s">
        <v>282</v>
      </c>
      <c r="O10" s="1" t="s">
        <v>34</v>
      </c>
      <c r="P10" s="1" t="s">
        <v>35</v>
      </c>
      <c r="Q10" s="1" t="s">
        <v>161</v>
      </c>
      <c r="R10" s="1" t="s">
        <v>37</v>
      </c>
      <c r="S10" s="1" t="s">
        <v>187</v>
      </c>
      <c r="T10" s="1" t="s">
        <v>76</v>
      </c>
      <c r="U10" s="1">
        <v>10.3</v>
      </c>
      <c r="V10" s="3">
        <v>11000</v>
      </c>
      <c r="W10" s="1"/>
      <c r="X10" s="1">
        <v>0.61</v>
      </c>
      <c r="Y10" s="1">
        <v>4.2999999999999997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493</v>
      </c>
      <c r="BC10" s="1">
        <v>0.55000000000000004</v>
      </c>
      <c r="BD10" s="1">
        <v>0.6</v>
      </c>
      <c r="BE10" s="1" t="s">
        <v>525</v>
      </c>
      <c r="BF10" s="1" t="s">
        <v>504</v>
      </c>
      <c r="BG10" s="1">
        <v>8.9999999999999998E-4</v>
      </c>
      <c r="BH10" s="1">
        <v>0.13</v>
      </c>
      <c r="BI10" s="1">
        <v>0.02</v>
      </c>
      <c r="BJ10" s="1"/>
      <c r="BK10" s="1"/>
      <c r="BL10" s="1" t="s">
        <v>511</v>
      </c>
      <c r="BM10" s="1">
        <v>0.04</v>
      </c>
      <c r="BN10" s="1">
        <v>2.3E-2</v>
      </c>
      <c r="BO10" s="1">
        <v>24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6</v>
      </c>
      <c r="B11" s="2">
        <v>0.43333333333333335</v>
      </c>
      <c r="C11" s="1" t="s">
        <v>477</v>
      </c>
      <c r="D11" s="1" t="s">
        <v>67</v>
      </c>
      <c r="E11" s="1" t="s">
        <v>68</v>
      </c>
      <c r="F11" s="1" t="s">
        <v>283</v>
      </c>
      <c r="G11" s="1" t="s">
        <v>284</v>
      </c>
      <c r="I11" s="1" t="s">
        <v>38</v>
      </c>
      <c r="J11" s="1" t="s">
        <v>72</v>
      </c>
      <c r="K11" s="1" t="s">
        <v>73</v>
      </c>
      <c r="L11" s="1" t="s">
        <v>32</v>
      </c>
      <c r="N11" s="1" t="s">
        <v>33</v>
      </c>
      <c r="O11" s="1" t="s">
        <v>34</v>
      </c>
      <c r="P11" s="1" t="s">
        <v>35</v>
      </c>
      <c r="Q11" s="1" t="s">
        <v>36</v>
      </c>
      <c r="R11" s="1" t="s">
        <v>88</v>
      </c>
      <c r="S11" s="1" t="s">
        <v>37</v>
      </c>
      <c r="U11" s="1">
        <v>10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 t="s">
        <v>525</v>
      </c>
      <c r="BF11" s="1"/>
      <c r="BG11" s="1"/>
      <c r="BH11" s="1"/>
      <c r="BI11" s="1"/>
      <c r="BJ11" s="1"/>
      <c r="BK11" s="1"/>
      <c r="BL11" s="1"/>
      <c r="BM11" s="1"/>
      <c r="BN11" s="1"/>
      <c r="BO11" s="1">
        <v>34</v>
      </c>
      <c r="BP11" s="1">
        <v>38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85</v>
      </c>
      <c r="B12" s="2">
        <v>0.34027777777777773</v>
      </c>
      <c r="C12" s="1" t="s">
        <v>477</v>
      </c>
      <c r="D12" s="1" t="s">
        <v>67</v>
      </c>
      <c r="E12" s="1" t="s">
        <v>68</v>
      </c>
      <c r="F12" s="1" t="s">
        <v>286</v>
      </c>
      <c r="G12" s="1" t="s">
        <v>287</v>
      </c>
      <c r="I12" s="1" t="s">
        <v>105</v>
      </c>
      <c r="J12" s="1" t="s">
        <v>72</v>
      </c>
      <c r="K12" s="1" t="s">
        <v>218</v>
      </c>
      <c r="L12" s="1" t="s">
        <v>32</v>
      </c>
      <c r="N12" s="1" t="s">
        <v>33</v>
      </c>
      <c r="O12" s="1" t="s">
        <v>34</v>
      </c>
      <c r="P12" s="1" t="s">
        <v>35</v>
      </c>
      <c r="Q12" s="1" t="s">
        <v>55</v>
      </c>
      <c r="R12" s="1" t="s">
        <v>88</v>
      </c>
      <c r="S12" s="1" t="s">
        <v>187</v>
      </c>
      <c r="T12" s="1" t="s">
        <v>196</v>
      </c>
      <c r="U12" s="1">
        <v>10.6</v>
      </c>
      <c r="V12" s="3">
        <v>790</v>
      </c>
      <c r="W12" s="1"/>
      <c r="X12" s="1">
        <v>1</v>
      </c>
      <c r="Y12" s="1">
        <v>0.1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493</v>
      </c>
      <c r="BC12" s="1">
        <v>0.74</v>
      </c>
      <c r="BD12" s="1">
        <v>0.79</v>
      </c>
      <c r="BE12" s="1" t="s">
        <v>525</v>
      </c>
      <c r="BF12" s="1"/>
      <c r="BG12" s="1"/>
      <c r="BH12" s="1"/>
      <c r="BI12" s="1"/>
      <c r="BJ12" s="1"/>
      <c r="BK12" s="1"/>
      <c r="BL12" s="1"/>
      <c r="BM12" s="1" t="s">
        <v>509</v>
      </c>
      <c r="BN12" s="1">
        <v>9.8000000000000004E-2</v>
      </c>
      <c r="BO12" s="1">
        <v>35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228</v>
      </c>
      <c r="B13" s="2">
        <v>0.4152777777777778</v>
      </c>
      <c r="C13" s="1" t="s">
        <v>477</v>
      </c>
      <c r="D13" s="1" t="s">
        <v>288</v>
      </c>
      <c r="E13" s="1" t="s">
        <v>68</v>
      </c>
      <c r="F13" s="1" t="s">
        <v>229</v>
      </c>
      <c r="G13" s="1" t="s">
        <v>289</v>
      </c>
      <c r="I13" s="1" t="s">
        <v>138</v>
      </c>
      <c r="J13" s="1" t="s">
        <v>80</v>
      </c>
      <c r="K13" s="1" t="s">
        <v>81</v>
      </c>
      <c r="L13" s="1" t="s">
        <v>32</v>
      </c>
      <c r="N13" s="1" t="s">
        <v>33</v>
      </c>
      <c r="O13" s="1" t="s">
        <v>34</v>
      </c>
      <c r="P13" s="1" t="s">
        <v>35</v>
      </c>
      <c r="Q13" s="1" t="s">
        <v>63</v>
      </c>
      <c r="R13" s="1" t="s">
        <v>95</v>
      </c>
      <c r="S13" s="1" t="s">
        <v>187</v>
      </c>
      <c r="U13" s="1">
        <v>11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 t="s">
        <v>525</v>
      </c>
      <c r="BF13" s="1"/>
      <c r="BG13" s="1"/>
      <c r="BH13" s="1"/>
      <c r="BI13" s="1"/>
      <c r="BJ13" s="1"/>
      <c r="BK13" s="1"/>
      <c r="BL13" s="1"/>
      <c r="BM13" s="1"/>
      <c r="BN13" s="1"/>
      <c r="BO13" s="1">
        <v>39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90</v>
      </c>
      <c r="B14" s="2">
        <v>0.49305555555555558</v>
      </c>
      <c r="C14" s="1" t="s">
        <v>477</v>
      </c>
      <c r="D14" s="1" t="s">
        <v>40</v>
      </c>
      <c r="E14" s="1" t="s">
        <v>482</v>
      </c>
      <c r="F14" s="1" t="s">
        <v>247</v>
      </c>
      <c r="G14" s="1" t="s">
        <v>291</v>
      </c>
      <c r="I14" s="1" t="s">
        <v>179</v>
      </c>
      <c r="J14" s="1" t="s">
        <v>72</v>
      </c>
      <c r="K14" s="1" t="s">
        <v>218</v>
      </c>
      <c r="L14" s="1" t="s">
        <v>292</v>
      </c>
      <c r="N14" s="1" t="s">
        <v>293</v>
      </c>
      <c r="O14" s="1" t="s">
        <v>34</v>
      </c>
      <c r="P14" s="1" t="s">
        <v>35</v>
      </c>
      <c r="Q14" s="1" t="s">
        <v>161</v>
      </c>
      <c r="R14" s="1" t="s">
        <v>243</v>
      </c>
      <c r="S14" s="1" t="s">
        <v>49</v>
      </c>
      <c r="T14" s="1" t="s">
        <v>65</v>
      </c>
      <c r="U14" s="1">
        <v>10.7</v>
      </c>
      <c r="V14" s="3">
        <v>4900</v>
      </c>
      <c r="W14" s="1"/>
      <c r="X14" s="1">
        <v>1</v>
      </c>
      <c r="Y14" s="1">
        <v>0.1</v>
      </c>
      <c r="Z14" s="1"/>
      <c r="AA14" s="1"/>
      <c r="AB14" s="1"/>
      <c r="AC14" s="1" t="s">
        <v>492</v>
      </c>
      <c r="AD14" s="1" t="s">
        <v>493</v>
      </c>
      <c r="AE14" s="1" t="s">
        <v>494</v>
      </c>
      <c r="AF14" s="1" t="s">
        <v>495</v>
      </c>
      <c r="AG14" s="1">
        <v>2.4E-2</v>
      </c>
      <c r="AH14" s="1" t="s">
        <v>494</v>
      </c>
      <c r="AI14" s="1"/>
      <c r="AJ14" s="1"/>
      <c r="AK14" s="1" t="s">
        <v>498</v>
      </c>
      <c r="AL14" s="1" t="s">
        <v>498</v>
      </c>
      <c r="AM14" s="1" t="s">
        <v>498</v>
      </c>
      <c r="AN14" s="1" t="s">
        <v>498</v>
      </c>
      <c r="AO14" s="1" t="s">
        <v>498</v>
      </c>
      <c r="AP14" t="s">
        <v>498</v>
      </c>
      <c r="AQ14" s="1" t="s">
        <v>498</v>
      </c>
      <c r="AR14" s="1" t="s">
        <v>498</v>
      </c>
      <c r="AS14" s="1" t="s">
        <v>498</v>
      </c>
      <c r="AT14" s="1" t="s">
        <v>496</v>
      </c>
      <c r="AU14" s="1"/>
      <c r="AV14" s="1"/>
      <c r="AW14" s="1"/>
      <c r="AX14" s="1" t="s">
        <v>498</v>
      </c>
      <c r="AY14" s="1" t="s">
        <v>494</v>
      </c>
      <c r="AZ14" s="1" t="s">
        <v>502</v>
      </c>
      <c r="BA14" s="1">
        <v>0.35</v>
      </c>
      <c r="BB14" s="1">
        <v>0.01</v>
      </c>
      <c r="BC14" s="1">
        <v>0.89</v>
      </c>
      <c r="BD14" s="1">
        <v>0.94</v>
      </c>
      <c r="BE14" s="1" t="s">
        <v>504</v>
      </c>
      <c r="BF14" s="1"/>
      <c r="BG14" s="1"/>
      <c r="BH14" s="1"/>
      <c r="BI14" s="1"/>
      <c r="BJ14" s="1"/>
      <c r="BK14" s="1"/>
      <c r="BL14" s="1"/>
      <c r="BM14" s="1">
        <v>0.05</v>
      </c>
      <c r="BN14" s="1">
        <v>9.2999999999999999E-2</v>
      </c>
      <c r="BO14" s="1">
        <v>37</v>
      </c>
      <c r="BP14" s="1">
        <v>37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48</v>
      </c>
      <c r="B15" s="2">
        <v>0.41319444444444442</v>
      </c>
      <c r="C15" s="1" t="s">
        <v>477</v>
      </c>
      <c r="D15" s="1" t="s">
        <v>40</v>
      </c>
      <c r="E15" s="1" t="s">
        <v>483</v>
      </c>
      <c r="F15" s="1" t="s">
        <v>249</v>
      </c>
      <c r="G15" s="1" t="s">
        <v>294</v>
      </c>
      <c r="I15" s="1" t="s">
        <v>179</v>
      </c>
      <c r="J15" s="1" t="s">
        <v>80</v>
      </c>
      <c r="K15" s="1" t="s">
        <v>87</v>
      </c>
      <c r="L15" s="1" t="s">
        <v>32</v>
      </c>
      <c r="N15" s="1" t="s">
        <v>33</v>
      </c>
      <c r="O15" s="1" t="s">
        <v>34</v>
      </c>
      <c r="P15" s="1" t="s">
        <v>35</v>
      </c>
      <c r="Q15" s="1" t="s">
        <v>63</v>
      </c>
      <c r="R15" s="1" t="s">
        <v>74</v>
      </c>
      <c r="S15" s="1" t="s">
        <v>187</v>
      </c>
      <c r="U15" s="1">
        <v>10.5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494</v>
      </c>
      <c r="AV15" s="1" t="s">
        <v>492</v>
      </c>
      <c r="AW15" s="1" t="s">
        <v>492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9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46" spans="21:21" x14ac:dyDescent="0.15">
      <c r="U146" s="1"/>
    </row>
    <row r="147" spans="21:21" x14ac:dyDescent="0.15">
      <c r="U147" s="1"/>
    </row>
    <row r="148" spans="21:21" x14ac:dyDescent="0.15">
      <c r="U148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3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8</v>
      </c>
      <c r="C1" s="1" t="s">
        <v>1</v>
      </c>
      <c r="D1" s="1" t="s">
        <v>484</v>
      </c>
      <c r="E1" s="1" t="s">
        <v>2</v>
      </c>
      <c r="F1" s="1" t="s">
        <v>480</v>
      </c>
      <c r="G1" s="1" t="s">
        <v>3</v>
      </c>
      <c r="H1" s="1" t="s">
        <v>46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0</v>
      </c>
      <c r="V2" s="1" t="s">
        <v>419</v>
      </c>
      <c r="W2" s="1" t="s">
        <v>489</v>
      </c>
      <c r="X2" s="1" t="s">
        <v>420</v>
      </c>
      <c r="Y2" s="1" t="s">
        <v>421</v>
      </c>
      <c r="Z2" s="1" t="s">
        <v>422</v>
      </c>
      <c r="AA2" s="1" t="s">
        <v>520</v>
      </c>
      <c r="AB2" s="1" t="s">
        <v>521</v>
      </c>
      <c r="AC2" s="1" t="s">
        <v>423</v>
      </c>
      <c r="AD2" s="1" t="s">
        <v>424</v>
      </c>
      <c r="AE2" s="1" t="s">
        <v>490</v>
      </c>
      <c r="AF2" s="1" t="s">
        <v>425</v>
      </c>
      <c r="AG2" s="1" t="s">
        <v>426</v>
      </c>
      <c r="AH2" s="1" t="s">
        <v>427</v>
      </c>
      <c r="AI2" s="1" t="s">
        <v>428</v>
      </c>
      <c r="AJ2" s="1" t="s">
        <v>429</v>
      </c>
      <c r="AK2" s="1" t="s">
        <v>430</v>
      </c>
      <c r="AL2" s="1" t="s">
        <v>431</v>
      </c>
      <c r="AM2" s="1" t="s">
        <v>432</v>
      </c>
      <c r="AN2" s="1" t="s">
        <v>433</v>
      </c>
      <c r="AO2" s="1" t="s">
        <v>434</v>
      </c>
      <c r="AP2" t="s">
        <v>512</v>
      </c>
      <c r="AQ2" s="1" t="s">
        <v>435</v>
      </c>
      <c r="AR2" s="1" t="s">
        <v>436</v>
      </c>
      <c r="AS2" s="1" t="s">
        <v>437</v>
      </c>
      <c r="AT2" s="1" t="s">
        <v>499</v>
      </c>
      <c r="AU2" s="1" t="s">
        <v>438</v>
      </c>
      <c r="AV2" s="1" t="s">
        <v>439</v>
      </c>
      <c r="AW2" s="1" t="s">
        <v>440</v>
      </c>
      <c r="AX2" s="1" t="s">
        <v>441</v>
      </c>
      <c r="AY2" s="1" t="s">
        <v>442</v>
      </c>
      <c r="AZ2" s="1" t="s">
        <v>443</v>
      </c>
      <c r="BA2" s="1" t="s">
        <v>444</v>
      </c>
      <c r="BB2" s="1" t="s">
        <v>445</v>
      </c>
      <c r="BC2" s="1" t="s">
        <v>446</v>
      </c>
      <c r="BD2" s="1" t="s">
        <v>447</v>
      </c>
      <c r="BE2" s="1" t="s">
        <v>514</v>
      </c>
      <c r="BF2" s="1" t="s">
        <v>448</v>
      </c>
      <c r="BG2" s="1" t="s">
        <v>500</v>
      </c>
      <c r="BH2" s="1" t="s">
        <v>501</v>
      </c>
      <c r="BI2" s="1" t="s">
        <v>449</v>
      </c>
      <c r="BJ2" s="1" t="s">
        <v>450</v>
      </c>
      <c r="BK2" s="1" t="s">
        <v>451</v>
      </c>
      <c r="BL2" s="1" t="s">
        <v>452</v>
      </c>
      <c r="BM2" s="1" t="s">
        <v>453</v>
      </c>
      <c r="BN2" s="1" t="s">
        <v>454</v>
      </c>
      <c r="BO2" s="1" t="s">
        <v>455</v>
      </c>
      <c r="BP2" s="1" t="s">
        <v>456</v>
      </c>
      <c r="BQ2" s="1" t="s">
        <v>457</v>
      </c>
      <c r="BR2" s="1" t="s">
        <v>458</v>
      </c>
      <c r="BS2" s="1" t="s">
        <v>459</v>
      </c>
      <c r="BT2" s="1" t="s">
        <v>460</v>
      </c>
      <c r="BU2" s="1" t="s">
        <v>461</v>
      </c>
      <c r="BV2" s="1" t="s">
        <v>462</v>
      </c>
      <c r="BW2" s="1" t="s">
        <v>463</v>
      </c>
      <c r="BX2" s="1" t="s">
        <v>464</v>
      </c>
      <c r="BY2" s="1" t="s">
        <v>465</v>
      </c>
      <c r="BZ2" s="1" t="s">
        <v>506</v>
      </c>
    </row>
    <row r="3" spans="1:78" x14ac:dyDescent="0.15">
      <c r="A3" s="1" t="s">
        <v>471</v>
      </c>
      <c r="B3" s="1" t="s">
        <v>472</v>
      </c>
      <c r="C3" s="1"/>
      <c r="D3" s="1"/>
      <c r="E3" s="1"/>
      <c r="F3" s="1" t="s">
        <v>473</v>
      </c>
      <c r="G3" s="1" t="s">
        <v>473</v>
      </c>
      <c r="H3" s="1" t="s">
        <v>474</v>
      </c>
      <c r="I3" s="1" t="s">
        <v>24</v>
      </c>
      <c r="J3" s="1" t="s">
        <v>475</v>
      </c>
      <c r="K3" s="1" t="s">
        <v>475</v>
      </c>
      <c r="L3" s="1" t="s">
        <v>476</v>
      </c>
      <c r="M3" s="1" t="s">
        <v>47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49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07</v>
      </c>
      <c r="BP3" s="1" t="s">
        <v>25</v>
      </c>
      <c r="BQ3" s="1" t="s">
        <v>508</v>
      </c>
      <c r="BR3" s="1" t="s">
        <v>25</v>
      </c>
      <c r="BS3" s="1" t="s">
        <v>25</v>
      </c>
      <c r="BT3" s="1" t="s">
        <v>51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4513888888888892</v>
      </c>
      <c r="C4" s="1" t="s">
        <v>477</v>
      </c>
      <c r="D4" s="1" t="s">
        <v>40</v>
      </c>
      <c r="F4" s="1" t="s">
        <v>295</v>
      </c>
      <c r="G4" s="1" t="s">
        <v>226</v>
      </c>
      <c r="H4" s="1" t="s">
        <v>128</v>
      </c>
      <c r="I4" s="1" t="s">
        <v>296</v>
      </c>
      <c r="J4" s="1" t="s">
        <v>212</v>
      </c>
      <c r="K4" s="1" t="s">
        <v>144</v>
      </c>
      <c r="L4" s="1" t="s">
        <v>32</v>
      </c>
      <c r="N4" s="1" t="s">
        <v>33</v>
      </c>
      <c r="O4" s="1" t="s">
        <v>34</v>
      </c>
      <c r="P4" s="1" t="s">
        <v>35</v>
      </c>
      <c r="Q4" s="1" t="s">
        <v>48</v>
      </c>
      <c r="R4" s="1" t="s">
        <v>74</v>
      </c>
      <c r="S4" s="1" t="s">
        <v>83</v>
      </c>
      <c r="T4" s="1" t="s">
        <v>39</v>
      </c>
      <c r="U4" s="1">
        <v>9.6999999999999993</v>
      </c>
      <c r="V4" s="3">
        <v>13000</v>
      </c>
      <c r="W4" s="1"/>
      <c r="X4" s="1">
        <v>0.83</v>
      </c>
      <c r="Y4" s="1">
        <v>9.2999999999999999E-2</v>
      </c>
      <c r="Z4" s="1">
        <v>3.5000000000000001E-3</v>
      </c>
      <c r="AA4" s="1"/>
      <c r="AB4" s="1"/>
      <c r="AC4" s="1" t="s">
        <v>492</v>
      </c>
      <c r="AD4" s="1" t="s">
        <v>493</v>
      </c>
      <c r="AE4" s="1" t="s">
        <v>494</v>
      </c>
      <c r="AF4" s="1" t="s">
        <v>495</v>
      </c>
      <c r="AG4" s="1">
        <v>1.7000000000000001E-2</v>
      </c>
      <c r="AH4" s="1" t="s">
        <v>494</v>
      </c>
      <c r="AI4" s="1"/>
      <c r="AJ4" s="1"/>
      <c r="AK4" s="1"/>
      <c r="AL4" s="1" t="s">
        <v>496</v>
      </c>
      <c r="AM4" s="1"/>
      <c r="AN4" s="1"/>
      <c r="AO4" s="1"/>
      <c r="AP4" t="s">
        <v>496</v>
      </c>
      <c r="AQ4" s="1"/>
      <c r="AR4" s="1" t="s">
        <v>496</v>
      </c>
      <c r="AS4" s="1" t="s">
        <v>496</v>
      </c>
      <c r="AT4" s="1"/>
      <c r="AU4" s="1"/>
      <c r="AV4" s="1"/>
      <c r="AW4" s="1"/>
      <c r="AX4" s="1"/>
      <c r="AY4" s="1"/>
      <c r="AZ4" s="1" t="s">
        <v>502</v>
      </c>
      <c r="BA4" s="1">
        <v>0.27</v>
      </c>
      <c r="BB4" s="1" t="s">
        <v>503</v>
      </c>
      <c r="BC4" s="1">
        <v>0.71</v>
      </c>
      <c r="BD4" s="1">
        <v>0.76</v>
      </c>
      <c r="BE4" s="1"/>
      <c r="BF4" s="1" t="s">
        <v>504</v>
      </c>
      <c r="BG4" s="1">
        <v>2E-3</v>
      </c>
      <c r="BH4" s="1">
        <v>0.06</v>
      </c>
      <c r="BI4" s="1" t="s">
        <v>493</v>
      </c>
      <c r="BJ4" s="1"/>
      <c r="BK4" s="1"/>
      <c r="BL4" s="1"/>
      <c r="BM4" s="1" t="s">
        <v>509</v>
      </c>
      <c r="BN4" s="1">
        <v>8.1000000000000003E-2</v>
      </c>
      <c r="BO4" s="1">
        <v>29</v>
      </c>
      <c r="BP4" s="1">
        <v>31</v>
      </c>
      <c r="BQ4" s="1"/>
      <c r="BR4" s="1" t="s">
        <v>510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0138888888888884</v>
      </c>
      <c r="C5" s="1" t="s">
        <v>477</v>
      </c>
      <c r="D5" s="1" t="s">
        <v>40</v>
      </c>
      <c r="F5" s="1" t="s">
        <v>115</v>
      </c>
      <c r="G5" s="1" t="s">
        <v>297</v>
      </c>
      <c r="H5" s="1" t="s">
        <v>128</v>
      </c>
      <c r="I5" s="1" t="s">
        <v>298</v>
      </c>
      <c r="J5" s="1" t="s">
        <v>212</v>
      </c>
      <c r="K5" s="1" t="s">
        <v>144</v>
      </c>
      <c r="L5" s="1" t="s">
        <v>299</v>
      </c>
      <c r="N5" s="1" t="s">
        <v>33</v>
      </c>
      <c r="O5" s="1" t="s">
        <v>104</v>
      </c>
      <c r="P5" s="1" t="s">
        <v>35</v>
      </c>
      <c r="Q5" s="1" t="s">
        <v>134</v>
      </c>
      <c r="R5" s="1" t="s">
        <v>38</v>
      </c>
      <c r="S5" s="1" t="s">
        <v>300</v>
      </c>
      <c r="T5" s="1" t="s">
        <v>301</v>
      </c>
      <c r="U5" s="1">
        <v>9.1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9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1666666666666663</v>
      </c>
      <c r="C6" s="1" t="s">
        <v>477</v>
      </c>
      <c r="D6" s="1" t="s">
        <v>40</v>
      </c>
      <c r="F6" s="1" t="s">
        <v>272</v>
      </c>
      <c r="G6" s="1" t="s">
        <v>302</v>
      </c>
      <c r="H6" s="1" t="s">
        <v>128</v>
      </c>
      <c r="I6" s="1" t="s">
        <v>303</v>
      </c>
      <c r="J6" s="1" t="s">
        <v>212</v>
      </c>
      <c r="K6" s="1" t="s">
        <v>144</v>
      </c>
      <c r="L6" s="1" t="s">
        <v>32</v>
      </c>
      <c r="N6" s="1" t="s">
        <v>33</v>
      </c>
      <c r="O6" s="1" t="s">
        <v>34</v>
      </c>
      <c r="P6" s="1" t="s">
        <v>35</v>
      </c>
      <c r="Q6" s="1" t="s">
        <v>63</v>
      </c>
      <c r="R6" s="1" t="s">
        <v>56</v>
      </c>
      <c r="S6" s="1" t="s">
        <v>57</v>
      </c>
      <c r="T6" s="1" t="s">
        <v>58</v>
      </c>
      <c r="U6" s="1">
        <v>9.1999999999999993</v>
      </c>
      <c r="V6" s="1"/>
      <c r="W6" s="1"/>
      <c r="X6" s="1">
        <v>0.95</v>
      </c>
      <c r="Y6" s="1">
        <v>0.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30</v>
      </c>
      <c r="BP6" s="1">
        <v>34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59</v>
      </c>
      <c r="B7" s="2">
        <v>0.16319444444444445</v>
      </c>
      <c r="C7" s="1" t="s">
        <v>477</v>
      </c>
      <c r="D7" s="1" t="s">
        <v>40</v>
      </c>
      <c r="F7" s="1" t="s">
        <v>304</v>
      </c>
      <c r="G7" s="1" t="s">
        <v>253</v>
      </c>
      <c r="H7" s="1" t="s">
        <v>269</v>
      </c>
      <c r="I7" s="1" t="s">
        <v>305</v>
      </c>
      <c r="J7" s="1" t="s">
        <v>212</v>
      </c>
      <c r="K7" s="1" t="s">
        <v>144</v>
      </c>
      <c r="L7" s="1" t="s">
        <v>32</v>
      </c>
      <c r="N7" s="1" t="s">
        <v>33</v>
      </c>
      <c r="O7" s="1" t="s">
        <v>34</v>
      </c>
      <c r="P7" s="1" t="s">
        <v>35</v>
      </c>
      <c r="Q7" s="1" t="s">
        <v>55</v>
      </c>
      <c r="R7" s="1" t="s">
        <v>243</v>
      </c>
      <c r="S7" s="1" t="s">
        <v>140</v>
      </c>
      <c r="T7" s="1" t="s">
        <v>65</v>
      </c>
      <c r="U7" s="1">
        <v>9.5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9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6</v>
      </c>
      <c r="B8" s="2">
        <v>0.44097222222222227</v>
      </c>
      <c r="C8" s="1" t="s">
        <v>477</v>
      </c>
      <c r="D8" s="1" t="s">
        <v>67</v>
      </c>
      <c r="E8" s="1" t="s">
        <v>68</v>
      </c>
      <c r="F8" s="1" t="s">
        <v>306</v>
      </c>
      <c r="G8" s="1" t="s">
        <v>194</v>
      </c>
      <c r="H8" s="1" t="s">
        <v>199</v>
      </c>
      <c r="I8" s="1" t="s">
        <v>307</v>
      </c>
      <c r="J8" s="1" t="s">
        <v>308</v>
      </c>
      <c r="K8" s="1" t="s">
        <v>309</v>
      </c>
      <c r="L8" s="1" t="s">
        <v>32</v>
      </c>
      <c r="N8" s="1" t="s">
        <v>33</v>
      </c>
      <c r="O8" s="1" t="s">
        <v>34</v>
      </c>
      <c r="P8" s="1" t="s">
        <v>35</v>
      </c>
      <c r="Q8" s="1" t="s">
        <v>134</v>
      </c>
      <c r="R8" s="1" t="s">
        <v>95</v>
      </c>
      <c r="S8" s="1" t="s">
        <v>89</v>
      </c>
      <c r="T8" s="1" t="s">
        <v>76</v>
      </c>
      <c r="U8" s="1">
        <v>8.9</v>
      </c>
      <c r="V8" s="3">
        <v>7900</v>
      </c>
      <c r="W8" s="1"/>
      <c r="X8" s="1">
        <v>0.69</v>
      </c>
      <c r="Y8" s="1">
        <v>6.0999999999999999E-2</v>
      </c>
      <c r="Z8" s="1">
        <v>1.6000000000000001E-3</v>
      </c>
      <c r="AA8" s="1"/>
      <c r="AB8" s="1"/>
      <c r="AC8" s="1" t="s">
        <v>492</v>
      </c>
      <c r="AD8" s="1" t="s">
        <v>493</v>
      </c>
      <c r="AE8" s="1" t="s">
        <v>494</v>
      </c>
      <c r="AF8" s="1" t="s">
        <v>495</v>
      </c>
      <c r="AG8" s="1">
        <v>1.2E-2</v>
      </c>
      <c r="AH8" s="1" t="s">
        <v>494</v>
      </c>
      <c r="AI8" s="1"/>
      <c r="AJ8" s="1"/>
      <c r="AK8" s="1"/>
      <c r="AL8" s="1" t="s">
        <v>496</v>
      </c>
      <c r="AM8" s="1"/>
      <c r="AN8" s="1"/>
      <c r="AO8" s="1"/>
      <c r="AP8" t="s">
        <v>496</v>
      </c>
      <c r="AQ8" s="1"/>
      <c r="AR8" s="1" t="s">
        <v>496</v>
      </c>
      <c r="AS8" s="1" t="s">
        <v>496</v>
      </c>
      <c r="AT8" s="1"/>
      <c r="AU8" s="1"/>
      <c r="AV8" s="1"/>
      <c r="AW8" s="1"/>
      <c r="AX8" s="1"/>
      <c r="AY8" s="1"/>
      <c r="AZ8" s="1"/>
      <c r="BA8" s="1"/>
      <c r="BB8" s="1" t="s">
        <v>503</v>
      </c>
      <c r="BC8" s="1">
        <v>0.56999999999999995</v>
      </c>
      <c r="BD8" s="1">
        <v>0.62</v>
      </c>
      <c r="BE8" s="1"/>
      <c r="BF8" s="1"/>
      <c r="BG8" s="1"/>
      <c r="BH8" s="1"/>
      <c r="BI8" s="1"/>
      <c r="BJ8" s="1"/>
      <c r="BK8" s="1"/>
      <c r="BL8" s="1"/>
      <c r="BM8" s="1" t="s">
        <v>509</v>
      </c>
      <c r="BN8" s="1">
        <v>5.1999999999999998E-2</v>
      </c>
      <c r="BO8" s="1">
        <v>23</v>
      </c>
      <c r="BP8" s="1">
        <v>19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6319444444444442</v>
      </c>
      <c r="C9" s="1" t="s">
        <v>477</v>
      </c>
      <c r="D9" s="1" t="s">
        <v>67</v>
      </c>
      <c r="E9" s="1" t="s">
        <v>68</v>
      </c>
      <c r="F9" s="1" t="s">
        <v>310</v>
      </c>
      <c r="G9" s="1" t="s">
        <v>311</v>
      </c>
      <c r="H9" s="1" t="s">
        <v>257</v>
      </c>
      <c r="I9" s="1" t="s">
        <v>312</v>
      </c>
      <c r="J9" s="1" t="s">
        <v>313</v>
      </c>
      <c r="K9" s="1" t="s">
        <v>314</v>
      </c>
      <c r="L9" s="1" t="s">
        <v>32</v>
      </c>
      <c r="N9" s="1" t="s">
        <v>33</v>
      </c>
      <c r="O9" s="1" t="s">
        <v>34</v>
      </c>
      <c r="P9" s="1" t="s">
        <v>35</v>
      </c>
      <c r="Q9" s="1" t="s">
        <v>82</v>
      </c>
      <c r="R9" s="1" t="s">
        <v>187</v>
      </c>
      <c r="S9" s="1" t="s">
        <v>75</v>
      </c>
      <c r="T9" s="1" t="s">
        <v>76</v>
      </c>
      <c r="U9" s="1">
        <v>8.6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2361111111111116</v>
      </c>
      <c r="C10" s="1" t="s">
        <v>477</v>
      </c>
      <c r="D10" s="1" t="s">
        <v>67</v>
      </c>
      <c r="E10" s="1" t="s">
        <v>68</v>
      </c>
      <c r="F10" s="1" t="s">
        <v>315</v>
      </c>
      <c r="G10" s="1" t="s">
        <v>85</v>
      </c>
      <c r="H10" s="1" t="s">
        <v>316</v>
      </c>
      <c r="I10" s="1" t="s">
        <v>317</v>
      </c>
      <c r="J10" s="1" t="s">
        <v>313</v>
      </c>
      <c r="K10" s="1" t="s">
        <v>314</v>
      </c>
      <c r="L10" s="1" t="s">
        <v>32</v>
      </c>
      <c r="N10" s="1" t="s">
        <v>33</v>
      </c>
      <c r="O10" s="1" t="s">
        <v>34</v>
      </c>
      <c r="P10" s="1" t="s">
        <v>35</v>
      </c>
      <c r="Q10" s="1" t="s">
        <v>55</v>
      </c>
      <c r="R10" s="1" t="s">
        <v>74</v>
      </c>
      <c r="S10" s="1" t="s">
        <v>83</v>
      </c>
      <c r="T10" s="1" t="s">
        <v>196</v>
      </c>
      <c r="U10" s="1">
        <v>9</v>
      </c>
      <c r="V10" s="1"/>
      <c r="W10" s="1"/>
      <c r="X10" s="1">
        <v>0.7</v>
      </c>
      <c r="Y10" s="1">
        <v>7.1999999999999995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23</v>
      </c>
      <c r="BP10" s="1">
        <v>22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90</v>
      </c>
      <c r="B11" s="2">
        <v>0.17013888888888887</v>
      </c>
      <c r="C11" s="1" t="s">
        <v>477</v>
      </c>
      <c r="D11" s="1" t="s">
        <v>67</v>
      </c>
      <c r="E11" s="1" t="s">
        <v>68</v>
      </c>
      <c r="F11" s="1" t="s">
        <v>185</v>
      </c>
      <c r="G11" s="1" t="s">
        <v>318</v>
      </c>
      <c r="H11" s="1" t="s">
        <v>319</v>
      </c>
      <c r="I11" s="1" t="s">
        <v>320</v>
      </c>
      <c r="J11" s="1" t="s">
        <v>313</v>
      </c>
      <c r="K11" s="1" t="s">
        <v>314</v>
      </c>
      <c r="L11" s="1" t="s">
        <v>32</v>
      </c>
      <c r="N11" s="1" t="s">
        <v>33</v>
      </c>
      <c r="O11" s="1" t="s">
        <v>34</v>
      </c>
      <c r="P11" s="1" t="s">
        <v>35</v>
      </c>
      <c r="Q11" s="1" t="s">
        <v>55</v>
      </c>
      <c r="R11" s="1" t="s">
        <v>74</v>
      </c>
      <c r="S11" s="1" t="s">
        <v>38</v>
      </c>
      <c r="T11" s="1" t="s">
        <v>76</v>
      </c>
      <c r="U11" s="1">
        <v>8.9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3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6</v>
      </c>
      <c r="B12" s="2">
        <v>0.45347222222222222</v>
      </c>
      <c r="C12" s="1" t="s">
        <v>477</v>
      </c>
      <c r="D12" s="1" t="s">
        <v>27</v>
      </c>
      <c r="E12" s="1" t="s">
        <v>68</v>
      </c>
      <c r="F12" s="1" t="s">
        <v>321</v>
      </c>
      <c r="G12" s="1" t="s">
        <v>322</v>
      </c>
      <c r="J12" s="1" t="s">
        <v>323</v>
      </c>
      <c r="K12" s="1" t="s">
        <v>43</v>
      </c>
      <c r="L12" s="1" t="s">
        <v>324</v>
      </c>
      <c r="N12" s="1" t="s">
        <v>33</v>
      </c>
      <c r="O12" s="1" t="s">
        <v>54</v>
      </c>
      <c r="P12" s="1" t="s">
        <v>35</v>
      </c>
      <c r="Q12" s="1" t="s">
        <v>48</v>
      </c>
      <c r="R12" s="1" t="s">
        <v>105</v>
      </c>
      <c r="S12" s="1" t="s">
        <v>325</v>
      </c>
      <c r="T12" s="1" t="s">
        <v>65</v>
      </c>
      <c r="U12" s="1">
        <v>9.1</v>
      </c>
      <c r="V12" s="3">
        <v>7900</v>
      </c>
      <c r="W12" s="1"/>
      <c r="X12" s="1">
        <v>0.73</v>
      </c>
      <c r="Y12" s="1">
        <v>8.4000000000000005E-2</v>
      </c>
      <c r="Z12" s="1">
        <v>2.2000000000000001E-3</v>
      </c>
      <c r="AA12" s="1"/>
      <c r="AB12" s="1"/>
      <c r="AC12" s="1" t="s">
        <v>492</v>
      </c>
      <c r="AD12" s="1" t="s">
        <v>493</v>
      </c>
      <c r="AE12" s="1" t="s">
        <v>494</v>
      </c>
      <c r="AF12" s="1" t="s">
        <v>495</v>
      </c>
      <c r="AG12" s="1">
        <v>1.7000000000000001E-2</v>
      </c>
      <c r="AH12" s="1" t="s">
        <v>494</v>
      </c>
      <c r="AI12" s="1"/>
      <c r="AJ12" s="1"/>
      <c r="AK12" s="1"/>
      <c r="AL12" s="1" t="s">
        <v>496</v>
      </c>
      <c r="AM12" s="1"/>
      <c r="AN12" s="1"/>
      <c r="AO12" s="1"/>
      <c r="AP12" t="s">
        <v>496</v>
      </c>
      <c r="AQ12" s="1"/>
      <c r="AR12" s="1" t="s">
        <v>496</v>
      </c>
      <c r="AS12" s="1" t="s">
        <v>496</v>
      </c>
      <c r="AT12" s="1"/>
      <c r="AU12" s="1"/>
      <c r="AV12" s="1"/>
      <c r="AW12" s="1"/>
      <c r="AX12" s="1"/>
      <c r="AY12" s="1"/>
      <c r="AZ12" s="1" t="s">
        <v>502</v>
      </c>
      <c r="BA12" s="1">
        <v>0.28999999999999998</v>
      </c>
      <c r="BB12" s="1" t="s">
        <v>503</v>
      </c>
      <c r="BC12" s="1">
        <v>0.6</v>
      </c>
      <c r="BD12" s="1">
        <v>0.65</v>
      </c>
      <c r="BE12" s="1"/>
      <c r="BF12" s="1" t="s">
        <v>504</v>
      </c>
      <c r="BG12" s="1">
        <v>1.6000000000000001E-3</v>
      </c>
      <c r="BH12" s="1">
        <v>0.04</v>
      </c>
      <c r="BI12" s="1" t="s">
        <v>493</v>
      </c>
      <c r="BJ12" s="1"/>
      <c r="BK12" s="1"/>
      <c r="BL12" s="1"/>
      <c r="BM12" s="1" t="s">
        <v>509</v>
      </c>
      <c r="BN12" s="1">
        <v>6.3E-2</v>
      </c>
      <c r="BO12" s="1">
        <v>27</v>
      </c>
      <c r="BP12" s="1">
        <v>25</v>
      </c>
      <c r="BQ12" s="1"/>
      <c r="BR12" s="1" t="s">
        <v>510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5625</v>
      </c>
      <c r="C13" s="1" t="s">
        <v>477</v>
      </c>
      <c r="D13" s="1" t="s">
        <v>27</v>
      </c>
      <c r="E13" s="1" t="s">
        <v>68</v>
      </c>
      <c r="F13" s="1" t="s">
        <v>121</v>
      </c>
      <c r="G13" s="1" t="s">
        <v>41</v>
      </c>
      <c r="J13" s="1" t="s">
        <v>323</v>
      </c>
      <c r="K13" s="1" t="s">
        <v>222</v>
      </c>
      <c r="L13" s="1" t="s">
        <v>326</v>
      </c>
      <c r="N13" s="1" t="s">
        <v>33</v>
      </c>
      <c r="O13" s="1" t="s">
        <v>104</v>
      </c>
      <c r="P13" s="1" t="s">
        <v>35</v>
      </c>
      <c r="Q13" s="1" t="s">
        <v>82</v>
      </c>
      <c r="R13" s="1" t="s">
        <v>179</v>
      </c>
      <c r="S13" s="1" t="s">
        <v>118</v>
      </c>
      <c r="T13" s="1" t="s">
        <v>119</v>
      </c>
      <c r="U13" s="1">
        <v>9.1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6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2013888888888884</v>
      </c>
      <c r="C14" s="1" t="s">
        <v>477</v>
      </c>
      <c r="D14" s="1" t="s">
        <v>27</v>
      </c>
      <c r="E14" s="1" t="s">
        <v>68</v>
      </c>
      <c r="F14" s="1" t="s">
        <v>327</v>
      </c>
      <c r="G14" s="1" t="s">
        <v>322</v>
      </c>
      <c r="J14" s="1" t="s">
        <v>323</v>
      </c>
      <c r="K14" s="1" t="s">
        <v>213</v>
      </c>
      <c r="L14" s="1" t="s">
        <v>32</v>
      </c>
      <c r="N14" s="1" t="s">
        <v>33</v>
      </c>
      <c r="O14" s="1" t="s">
        <v>54</v>
      </c>
      <c r="P14" s="1" t="s">
        <v>35</v>
      </c>
      <c r="Q14" s="1" t="s">
        <v>161</v>
      </c>
      <c r="R14" s="1" t="s">
        <v>95</v>
      </c>
      <c r="S14" s="1" t="s">
        <v>140</v>
      </c>
      <c r="T14" s="1" t="s">
        <v>65</v>
      </c>
      <c r="U14" s="1">
        <v>8.1999999999999993</v>
      </c>
      <c r="V14" s="1"/>
      <c r="W14" s="1"/>
      <c r="X14" s="1">
        <v>0.82</v>
      </c>
      <c r="Y14" s="1">
        <v>8.6999999999999994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27</v>
      </c>
      <c r="BP14" s="1">
        <v>25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20</v>
      </c>
      <c r="B15" s="2">
        <v>0.15972222222222224</v>
      </c>
      <c r="C15" s="1" t="s">
        <v>477</v>
      </c>
      <c r="D15" s="1" t="s">
        <v>27</v>
      </c>
      <c r="E15" s="1" t="s">
        <v>68</v>
      </c>
      <c r="F15" s="1" t="s">
        <v>328</v>
      </c>
      <c r="G15" s="1" t="s">
        <v>304</v>
      </c>
      <c r="J15" s="1" t="s">
        <v>323</v>
      </c>
      <c r="K15" s="1" t="s">
        <v>213</v>
      </c>
      <c r="L15" s="1" t="s">
        <v>32</v>
      </c>
      <c r="N15" s="1" t="s">
        <v>33</v>
      </c>
      <c r="O15" s="1" t="s">
        <v>54</v>
      </c>
      <c r="P15" s="1" t="s">
        <v>35</v>
      </c>
      <c r="Q15" s="1" t="s">
        <v>161</v>
      </c>
      <c r="R15" s="1" t="s">
        <v>37</v>
      </c>
      <c r="S15" s="1" t="s">
        <v>175</v>
      </c>
      <c r="T15" s="1" t="s">
        <v>196</v>
      </c>
      <c r="U15" s="1">
        <v>8.9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7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22</v>
      </c>
      <c r="B16" s="2">
        <v>0.44097222222222227</v>
      </c>
      <c r="C16" s="1" t="s">
        <v>477</v>
      </c>
      <c r="D16" s="1" t="s">
        <v>40</v>
      </c>
      <c r="E16" s="1" t="s">
        <v>68</v>
      </c>
      <c r="F16" s="1" t="s">
        <v>329</v>
      </c>
      <c r="G16" s="1" t="s">
        <v>330</v>
      </c>
      <c r="H16" s="1" t="s">
        <v>157</v>
      </c>
      <c r="I16" s="1" t="s">
        <v>331</v>
      </c>
      <c r="J16" s="1" t="s">
        <v>212</v>
      </c>
      <c r="K16" s="1" t="s">
        <v>332</v>
      </c>
      <c r="L16" s="1" t="s">
        <v>32</v>
      </c>
      <c r="N16" s="1" t="s">
        <v>33</v>
      </c>
      <c r="O16" s="1" t="s">
        <v>34</v>
      </c>
      <c r="P16" s="1" t="s">
        <v>35</v>
      </c>
      <c r="Q16" s="1" t="s">
        <v>48</v>
      </c>
      <c r="R16" s="1" t="s">
        <v>95</v>
      </c>
      <c r="S16" s="1" t="s">
        <v>75</v>
      </c>
      <c r="T16" s="1" t="s">
        <v>39</v>
      </c>
      <c r="U16" s="1">
        <v>8.4</v>
      </c>
      <c r="V16" s="3">
        <v>33000</v>
      </c>
      <c r="W16" s="1"/>
      <c r="X16" s="1">
        <v>0.66</v>
      </c>
      <c r="Y16" s="1">
        <v>0.08</v>
      </c>
      <c r="Z16" s="1">
        <v>2.3E-3</v>
      </c>
      <c r="AA16" s="1"/>
      <c r="AB16" s="1"/>
      <c r="AC16" s="1" t="s">
        <v>492</v>
      </c>
      <c r="AD16" s="1" t="s">
        <v>493</v>
      </c>
      <c r="AE16" s="1" t="s">
        <v>494</v>
      </c>
      <c r="AF16" s="1" t="s">
        <v>495</v>
      </c>
      <c r="AG16" s="1">
        <v>1.4999999999999999E-2</v>
      </c>
      <c r="AH16" s="1" t="s">
        <v>494</v>
      </c>
      <c r="AI16" s="1"/>
      <c r="AJ16" s="1"/>
      <c r="AK16" s="1"/>
      <c r="AL16" s="1" t="s">
        <v>496</v>
      </c>
      <c r="AM16" s="1"/>
      <c r="AN16" s="1"/>
      <c r="AO16" s="1"/>
      <c r="AP16" t="s">
        <v>496</v>
      </c>
      <c r="AQ16" s="1"/>
      <c r="AR16" s="1" t="s">
        <v>496</v>
      </c>
      <c r="AS16" s="1" t="s">
        <v>496</v>
      </c>
      <c r="AT16" s="1"/>
      <c r="AU16" s="1" t="s">
        <v>494</v>
      </c>
      <c r="AV16" s="1" t="s">
        <v>492</v>
      </c>
      <c r="AW16" s="1" t="s">
        <v>492</v>
      </c>
      <c r="AX16" s="1"/>
      <c r="AY16" s="1"/>
      <c r="AZ16" s="1"/>
      <c r="BA16" s="1"/>
      <c r="BB16" s="1" t="s">
        <v>503</v>
      </c>
      <c r="BC16" s="1">
        <v>0.61</v>
      </c>
      <c r="BD16" s="1">
        <v>0.66</v>
      </c>
      <c r="BE16" s="1"/>
      <c r="BF16" s="1"/>
      <c r="BG16" s="1"/>
      <c r="BH16" s="1"/>
      <c r="BI16" s="1"/>
      <c r="BJ16" s="1"/>
      <c r="BK16" s="1"/>
      <c r="BL16" s="1"/>
      <c r="BM16" s="1" t="s">
        <v>509</v>
      </c>
      <c r="BN16" s="1">
        <v>7.2999999999999995E-2</v>
      </c>
      <c r="BO16" s="1">
        <v>26</v>
      </c>
      <c r="BP16" s="1">
        <v>25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6666666666666663</v>
      </c>
      <c r="C17" s="1" t="s">
        <v>477</v>
      </c>
      <c r="D17" s="1" t="s">
        <v>40</v>
      </c>
      <c r="E17" s="1" t="s">
        <v>68</v>
      </c>
      <c r="F17" s="1" t="s">
        <v>77</v>
      </c>
      <c r="G17" s="1" t="s">
        <v>333</v>
      </c>
      <c r="H17" s="1" t="s">
        <v>334</v>
      </c>
      <c r="I17" s="1" t="s">
        <v>335</v>
      </c>
      <c r="J17" s="1" t="s">
        <v>323</v>
      </c>
      <c r="K17" s="1" t="s">
        <v>43</v>
      </c>
      <c r="L17" s="1" t="s">
        <v>32</v>
      </c>
      <c r="N17" s="1" t="s">
        <v>33</v>
      </c>
      <c r="O17" s="1" t="s">
        <v>34</v>
      </c>
      <c r="P17" s="1" t="s">
        <v>35</v>
      </c>
      <c r="Q17" s="1" t="s">
        <v>48</v>
      </c>
      <c r="R17" s="1" t="s">
        <v>95</v>
      </c>
      <c r="S17" s="1" t="s">
        <v>64</v>
      </c>
      <c r="T17" s="1" t="s">
        <v>76</v>
      </c>
      <c r="U17" s="1">
        <v>7.4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7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2708333333333337</v>
      </c>
      <c r="C18" s="1" t="s">
        <v>477</v>
      </c>
      <c r="D18" s="1" t="s">
        <v>40</v>
      </c>
      <c r="E18" s="1" t="s">
        <v>68</v>
      </c>
      <c r="F18" s="1" t="s">
        <v>154</v>
      </c>
      <c r="G18" s="1" t="s">
        <v>277</v>
      </c>
      <c r="H18" s="1" t="s">
        <v>334</v>
      </c>
      <c r="I18" s="1" t="s">
        <v>336</v>
      </c>
      <c r="J18" s="1" t="s">
        <v>323</v>
      </c>
      <c r="K18" s="1" t="s">
        <v>30</v>
      </c>
      <c r="L18" s="1" t="s">
        <v>32</v>
      </c>
      <c r="N18" s="1" t="s">
        <v>33</v>
      </c>
      <c r="O18" s="1" t="s">
        <v>34</v>
      </c>
      <c r="P18" s="1" t="s">
        <v>35</v>
      </c>
      <c r="Q18" s="1" t="s">
        <v>55</v>
      </c>
      <c r="R18" s="1" t="s">
        <v>88</v>
      </c>
      <c r="S18" s="1" t="s">
        <v>75</v>
      </c>
      <c r="T18" s="1" t="s">
        <v>76</v>
      </c>
      <c r="U18" s="1">
        <v>8.5</v>
      </c>
      <c r="V18" s="1"/>
      <c r="W18" s="1"/>
      <c r="X18" s="1">
        <v>0.81</v>
      </c>
      <c r="Y18" s="1">
        <v>8.5000000000000006E-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27</v>
      </c>
      <c r="BP18" s="1">
        <v>26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141</v>
      </c>
      <c r="B19" s="2">
        <v>0.17361111111111113</v>
      </c>
      <c r="C19" s="1" t="s">
        <v>477</v>
      </c>
      <c r="D19" s="1" t="s">
        <v>40</v>
      </c>
      <c r="E19" s="1" t="s">
        <v>68</v>
      </c>
      <c r="F19" s="1" t="s">
        <v>337</v>
      </c>
      <c r="G19" s="1" t="s">
        <v>311</v>
      </c>
      <c r="H19" s="1" t="s">
        <v>334</v>
      </c>
      <c r="I19" s="1" t="s">
        <v>338</v>
      </c>
      <c r="J19" s="1" t="s">
        <v>313</v>
      </c>
      <c r="K19" s="1" t="s">
        <v>314</v>
      </c>
      <c r="L19" s="1" t="s">
        <v>32</v>
      </c>
      <c r="N19" s="1" t="s">
        <v>33</v>
      </c>
      <c r="O19" s="1" t="s">
        <v>34</v>
      </c>
      <c r="P19" s="1" t="s">
        <v>35</v>
      </c>
      <c r="Q19" s="1" t="s">
        <v>55</v>
      </c>
      <c r="R19" s="1" t="s">
        <v>95</v>
      </c>
      <c r="S19" s="1" t="s">
        <v>75</v>
      </c>
      <c r="T19" s="1" t="s">
        <v>196</v>
      </c>
      <c r="U19" s="1">
        <v>8.4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27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44791666666666669</v>
      </c>
      <c r="C20" s="1" t="s">
        <v>477</v>
      </c>
      <c r="D20" s="1" t="s">
        <v>67</v>
      </c>
      <c r="E20" s="1" t="s">
        <v>68</v>
      </c>
      <c r="F20" s="1" t="s">
        <v>339</v>
      </c>
      <c r="G20" s="1" t="s">
        <v>340</v>
      </c>
      <c r="J20" s="1" t="s">
        <v>313</v>
      </c>
      <c r="K20" s="1" t="s">
        <v>341</v>
      </c>
      <c r="L20" s="1" t="s">
        <v>32</v>
      </c>
      <c r="N20" s="1" t="s">
        <v>33</v>
      </c>
      <c r="O20" s="1" t="s">
        <v>104</v>
      </c>
      <c r="P20" s="1" t="s">
        <v>35</v>
      </c>
      <c r="Q20" s="1" t="s">
        <v>134</v>
      </c>
      <c r="R20" s="1" t="s">
        <v>210</v>
      </c>
      <c r="S20" s="1" t="s">
        <v>163</v>
      </c>
      <c r="T20" s="1" t="s">
        <v>76</v>
      </c>
      <c r="U20" s="1">
        <v>8.1999999999999993</v>
      </c>
      <c r="V20" s="3">
        <v>11000</v>
      </c>
      <c r="W20" s="1" t="s">
        <v>497</v>
      </c>
      <c r="X20" s="1">
        <v>0.69</v>
      </c>
      <c r="Y20" s="1">
        <v>6.6000000000000003E-2</v>
      </c>
      <c r="Z20" s="1">
        <v>2.2000000000000001E-3</v>
      </c>
      <c r="AA20" s="1" t="s">
        <v>522</v>
      </c>
      <c r="AB20" s="1" t="s">
        <v>526</v>
      </c>
      <c r="AC20" s="1" t="s">
        <v>492</v>
      </c>
      <c r="AD20" s="1" t="s">
        <v>493</v>
      </c>
      <c r="AE20" s="1" t="s">
        <v>494</v>
      </c>
      <c r="AF20" s="1" t="s">
        <v>495</v>
      </c>
      <c r="AG20" s="1">
        <v>1.2999999999999999E-2</v>
      </c>
      <c r="AH20" s="1" t="s">
        <v>494</v>
      </c>
      <c r="AI20" s="1"/>
      <c r="AJ20" s="1" t="s">
        <v>494</v>
      </c>
      <c r="AK20" s="1" t="s">
        <v>496</v>
      </c>
      <c r="AL20" s="1" t="s">
        <v>496</v>
      </c>
      <c r="AM20" s="1" t="s">
        <v>496</v>
      </c>
      <c r="AN20" s="1" t="s">
        <v>496</v>
      </c>
      <c r="AO20" s="1" t="s">
        <v>496</v>
      </c>
      <c r="AP20" t="s">
        <v>496</v>
      </c>
      <c r="AQ20" s="1" t="s">
        <v>496</v>
      </c>
      <c r="AR20" s="1" t="s">
        <v>496</v>
      </c>
      <c r="AS20" s="1" t="s">
        <v>496</v>
      </c>
      <c r="AT20" s="1" t="s">
        <v>505</v>
      </c>
      <c r="AU20" s="1"/>
      <c r="AV20" s="1"/>
      <c r="AW20" s="1"/>
      <c r="AX20" s="1" t="s">
        <v>496</v>
      </c>
      <c r="AY20" s="1" t="s">
        <v>494</v>
      </c>
      <c r="AZ20" s="1" t="s">
        <v>502</v>
      </c>
      <c r="BA20" s="1">
        <v>0.19</v>
      </c>
      <c r="BB20" s="1" t="s">
        <v>503</v>
      </c>
      <c r="BC20" s="1">
        <v>0.56999999999999995</v>
      </c>
      <c r="BD20" s="1">
        <v>0.62</v>
      </c>
      <c r="BE20" s="1" t="s">
        <v>504</v>
      </c>
      <c r="BF20" s="1" t="s">
        <v>504</v>
      </c>
      <c r="BG20" s="1">
        <v>3.0000000000000001E-3</v>
      </c>
      <c r="BH20" s="1">
        <v>0.02</v>
      </c>
      <c r="BI20" s="1" t="s">
        <v>493</v>
      </c>
      <c r="BJ20" s="1" t="s">
        <v>504</v>
      </c>
      <c r="BK20" s="1" t="s">
        <v>494</v>
      </c>
      <c r="BL20" s="1" t="s">
        <v>511</v>
      </c>
      <c r="BM20" s="1">
        <v>0.04</v>
      </c>
      <c r="BN20" s="1">
        <v>6.3E-2</v>
      </c>
      <c r="BO20" s="1">
        <v>24</v>
      </c>
      <c r="BP20" s="1">
        <v>23</v>
      </c>
      <c r="BQ20" s="1"/>
      <c r="BR20" s="1" t="s">
        <v>510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4583333333333337</v>
      </c>
      <c r="C21" s="1" t="s">
        <v>477</v>
      </c>
      <c r="D21" s="1" t="s">
        <v>67</v>
      </c>
      <c r="E21" s="1" t="s">
        <v>68</v>
      </c>
      <c r="F21" s="1" t="s">
        <v>152</v>
      </c>
      <c r="G21" s="1" t="s">
        <v>306</v>
      </c>
      <c r="J21" s="1" t="s">
        <v>313</v>
      </c>
      <c r="K21" s="1" t="s">
        <v>341</v>
      </c>
      <c r="L21" s="1" t="s">
        <v>32</v>
      </c>
      <c r="N21" s="1" t="s">
        <v>33</v>
      </c>
      <c r="O21" s="1" t="s">
        <v>104</v>
      </c>
      <c r="P21" s="1" t="s">
        <v>35</v>
      </c>
      <c r="Q21" s="1" t="s">
        <v>134</v>
      </c>
      <c r="R21" s="1" t="s">
        <v>210</v>
      </c>
      <c r="S21" s="1" t="s">
        <v>57</v>
      </c>
      <c r="T21" s="1" t="s">
        <v>58</v>
      </c>
      <c r="U21" s="1">
        <v>7.8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26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1319444444444453</v>
      </c>
      <c r="C22" s="1" t="s">
        <v>477</v>
      </c>
      <c r="D22" s="1" t="s">
        <v>67</v>
      </c>
      <c r="E22" s="1" t="s">
        <v>68</v>
      </c>
      <c r="F22" s="1" t="s">
        <v>342</v>
      </c>
      <c r="G22" s="1" t="s">
        <v>343</v>
      </c>
      <c r="J22" s="1" t="s">
        <v>313</v>
      </c>
      <c r="K22" s="1" t="s">
        <v>344</v>
      </c>
      <c r="L22" s="1" t="s">
        <v>32</v>
      </c>
      <c r="N22" s="1" t="s">
        <v>33</v>
      </c>
      <c r="O22" s="1" t="s">
        <v>104</v>
      </c>
      <c r="P22" s="1" t="s">
        <v>35</v>
      </c>
      <c r="Q22" s="1" t="s">
        <v>55</v>
      </c>
      <c r="R22" s="1" t="s">
        <v>88</v>
      </c>
      <c r="S22" s="1" t="s">
        <v>175</v>
      </c>
      <c r="T22" s="1" t="s">
        <v>39</v>
      </c>
      <c r="U22" s="1">
        <v>8.3000000000000007</v>
      </c>
      <c r="V22" s="1"/>
      <c r="W22" s="1"/>
      <c r="X22" s="1">
        <v>0.76</v>
      </c>
      <c r="Y22" s="1">
        <v>6.6000000000000003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25</v>
      </c>
      <c r="BP22" s="1">
        <v>23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164</v>
      </c>
      <c r="B23" s="2">
        <v>0.17013888888888887</v>
      </c>
      <c r="C23" s="1" t="s">
        <v>477</v>
      </c>
      <c r="D23" s="1" t="s">
        <v>67</v>
      </c>
      <c r="E23" s="1" t="s">
        <v>68</v>
      </c>
      <c r="F23" s="1" t="s">
        <v>345</v>
      </c>
      <c r="G23" s="1" t="s">
        <v>189</v>
      </c>
      <c r="J23" s="1" t="s">
        <v>313</v>
      </c>
      <c r="K23" s="1" t="s">
        <v>344</v>
      </c>
      <c r="L23" s="1" t="s">
        <v>32</v>
      </c>
      <c r="N23" s="1" t="s">
        <v>33</v>
      </c>
      <c r="O23" s="1" t="s">
        <v>104</v>
      </c>
      <c r="P23" s="1" t="s">
        <v>35</v>
      </c>
      <c r="Q23" s="1" t="s">
        <v>55</v>
      </c>
      <c r="R23" s="1" t="s">
        <v>162</v>
      </c>
      <c r="S23" s="1" t="s">
        <v>175</v>
      </c>
      <c r="T23" s="1" t="s">
        <v>39</v>
      </c>
      <c r="U23" s="1">
        <v>8.5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25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69</v>
      </c>
      <c r="B24" s="2">
        <v>0.44791666666666669</v>
      </c>
      <c r="C24" s="1" t="s">
        <v>477</v>
      </c>
      <c r="D24" s="1" t="s">
        <v>40</v>
      </c>
      <c r="E24" s="1" t="s">
        <v>68</v>
      </c>
      <c r="F24" s="1" t="s">
        <v>69</v>
      </c>
      <c r="G24" s="1" t="s">
        <v>280</v>
      </c>
      <c r="J24" s="1" t="s">
        <v>72</v>
      </c>
      <c r="K24" s="1" t="s">
        <v>230</v>
      </c>
      <c r="L24" s="1" t="s">
        <v>32</v>
      </c>
      <c r="N24" s="1" t="s">
        <v>33</v>
      </c>
      <c r="O24" s="1" t="s">
        <v>34</v>
      </c>
      <c r="P24" s="1" t="s">
        <v>35</v>
      </c>
      <c r="Q24" s="1" t="s">
        <v>36</v>
      </c>
      <c r="R24" s="1" t="s">
        <v>187</v>
      </c>
      <c r="S24" s="1" t="s">
        <v>38</v>
      </c>
      <c r="T24" s="1" t="s">
        <v>39</v>
      </c>
      <c r="U24" s="1">
        <v>9</v>
      </c>
      <c r="V24" s="3">
        <v>3300</v>
      </c>
      <c r="W24" s="1"/>
      <c r="X24" s="1">
        <v>0.62</v>
      </c>
      <c r="Y24" s="1">
        <v>6.2E-2</v>
      </c>
      <c r="Z24" s="1">
        <v>2.2000000000000001E-3</v>
      </c>
      <c r="AA24" s="1"/>
      <c r="AB24" s="1"/>
      <c r="AC24" s="1" t="s">
        <v>492</v>
      </c>
      <c r="AD24" s="1" t="s">
        <v>493</v>
      </c>
      <c r="AE24" s="1" t="s">
        <v>494</v>
      </c>
      <c r="AF24" s="1" t="s">
        <v>495</v>
      </c>
      <c r="AG24" s="1">
        <v>0.01</v>
      </c>
      <c r="AH24" s="1" t="s">
        <v>494</v>
      </c>
      <c r="AI24" s="1"/>
      <c r="AJ24" s="1"/>
      <c r="AK24" s="1"/>
      <c r="AL24" s="1" t="s">
        <v>496</v>
      </c>
      <c r="AM24" s="1"/>
      <c r="AN24" s="1"/>
      <c r="AO24" s="1"/>
      <c r="AP24" t="s">
        <v>496</v>
      </c>
      <c r="AQ24" s="1"/>
      <c r="AR24" s="1" t="s">
        <v>496</v>
      </c>
      <c r="AS24" s="1" t="s">
        <v>496</v>
      </c>
      <c r="AT24" s="1"/>
      <c r="AU24" s="1"/>
      <c r="AV24" s="1"/>
      <c r="AW24" s="1"/>
      <c r="AX24" s="1"/>
      <c r="AY24" s="1"/>
      <c r="AZ24" s="1"/>
      <c r="BA24" s="1"/>
      <c r="BB24" s="1" t="s">
        <v>503</v>
      </c>
      <c r="BC24" s="1">
        <v>0.55000000000000004</v>
      </c>
      <c r="BD24" s="1">
        <v>0.6</v>
      </c>
      <c r="BE24" s="1"/>
      <c r="BF24" s="1"/>
      <c r="BG24" s="1"/>
      <c r="BH24" s="1"/>
      <c r="BI24" s="1"/>
      <c r="BJ24" s="1"/>
      <c r="BK24" s="1"/>
      <c r="BL24" s="1"/>
      <c r="BM24" s="1" t="s">
        <v>509</v>
      </c>
      <c r="BN24" s="1">
        <v>5.6000000000000001E-2</v>
      </c>
      <c r="BO24" s="1">
        <v>21</v>
      </c>
      <c r="BP24" s="1">
        <v>16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5972222222222221</v>
      </c>
      <c r="C25" s="1" t="s">
        <v>477</v>
      </c>
      <c r="D25" s="1" t="s">
        <v>40</v>
      </c>
      <c r="E25" s="1" t="s">
        <v>68</v>
      </c>
      <c r="F25" s="1" t="s">
        <v>346</v>
      </c>
      <c r="G25" s="1" t="s">
        <v>347</v>
      </c>
      <c r="J25" s="1" t="s">
        <v>72</v>
      </c>
      <c r="K25" s="1" t="s">
        <v>218</v>
      </c>
      <c r="L25" s="1" t="s">
        <v>32</v>
      </c>
      <c r="N25" s="1" t="s">
        <v>33</v>
      </c>
      <c r="O25" s="1" t="s">
        <v>34</v>
      </c>
      <c r="P25" s="1" t="s">
        <v>35</v>
      </c>
      <c r="Q25" s="1" t="s">
        <v>63</v>
      </c>
      <c r="R25" s="1" t="s">
        <v>179</v>
      </c>
      <c r="S25" s="1" t="s">
        <v>89</v>
      </c>
      <c r="T25" s="1" t="s">
        <v>76</v>
      </c>
      <c r="U25" s="1">
        <v>8.9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22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2361111111111116</v>
      </c>
      <c r="C26" s="1" t="s">
        <v>477</v>
      </c>
      <c r="D26" s="1" t="s">
        <v>40</v>
      </c>
      <c r="E26" s="1" t="s">
        <v>68</v>
      </c>
      <c r="F26" s="1" t="s">
        <v>170</v>
      </c>
      <c r="G26" s="1" t="s">
        <v>41</v>
      </c>
      <c r="J26" s="1" t="s">
        <v>132</v>
      </c>
      <c r="K26" s="1" t="s">
        <v>348</v>
      </c>
      <c r="L26" s="1" t="s">
        <v>32</v>
      </c>
      <c r="N26" s="1" t="s">
        <v>33</v>
      </c>
      <c r="O26" s="1" t="s">
        <v>34</v>
      </c>
      <c r="P26" s="1" t="s">
        <v>35</v>
      </c>
      <c r="Q26" s="1" t="s">
        <v>55</v>
      </c>
      <c r="R26" s="1" t="s">
        <v>179</v>
      </c>
      <c r="S26" s="1" t="s">
        <v>192</v>
      </c>
      <c r="T26" s="1" t="s">
        <v>39</v>
      </c>
      <c r="U26" s="1">
        <v>9.1</v>
      </c>
      <c r="V26" s="1"/>
      <c r="W26" s="1"/>
      <c r="X26" s="1">
        <v>0.68</v>
      </c>
      <c r="Y26" s="1">
        <v>6.3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22</v>
      </c>
      <c r="BP26" s="1">
        <v>17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180</v>
      </c>
      <c r="B27" s="2">
        <v>0.17708333333333334</v>
      </c>
      <c r="C27" s="1" t="s">
        <v>477</v>
      </c>
      <c r="D27" s="1" t="s">
        <v>40</v>
      </c>
      <c r="E27" s="1" t="s">
        <v>68</v>
      </c>
      <c r="F27" s="1" t="s">
        <v>41</v>
      </c>
      <c r="G27" s="1" t="s">
        <v>217</v>
      </c>
      <c r="J27" s="1" t="s">
        <v>72</v>
      </c>
      <c r="K27" s="1" t="s">
        <v>349</v>
      </c>
      <c r="L27" s="1" t="s">
        <v>32</v>
      </c>
      <c r="N27" s="1" t="s">
        <v>33</v>
      </c>
      <c r="O27" s="1" t="s">
        <v>34</v>
      </c>
      <c r="P27" s="1" t="s">
        <v>35</v>
      </c>
      <c r="Q27" s="1" t="s">
        <v>55</v>
      </c>
      <c r="R27" s="1" t="s">
        <v>37</v>
      </c>
      <c r="S27" s="1" t="s">
        <v>89</v>
      </c>
      <c r="T27" s="1" t="s">
        <v>76</v>
      </c>
      <c r="U27" s="1">
        <v>9.1999999999999993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2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84</v>
      </c>
      <c r="B28" s="2">
        <v>0.44097222222222227</v>
      </c>
      <c r="C28" s="1" t="s">
        <v>477</v>
      </c>
      <c r="D28" s="1" t="s">
        <v>67</v>
      </c>
      <c r="E28" s="1" t="s">
        <v>68</v>
      </c>
      <c r="F28" s="1" t="s">
        <v>350</v>
      </c>
      <c r="G28" s="1" t="s">
        <v>85</v>
      </c>
      <c r="J28" s="1" t="s">
        <v>146</v>
      </c>
      <c r="K28" s="1" t="s">
        <v>183</v>
      </c>
      <c r="L28" s="1" t="s">
        <v>32</v>
      </c>
      <c r="N28" s="1" t="s">
        <v>33</v>
      </c>
      <c r="O28" s="1" t="s">
        <v>34</v>
      </c>
      <c r="P28" s="1" t="s">
        <v>35</v>
      </c>
      <c r="Q28" s="1" t="s">
        <v>36</v>
      </c>
      <c r="R28" s="1" t="s">
        <v>74</v>
      </c>
      <c r="S28" s="1" t="s">
        <v>243</v>
      </c>
      <c r="T28" s="1" t="s">
        <v>196</v>
      </c>
      <c r="U28" s="1">
        <v>7.8</v>
      </c>
      <c r="V28" s="3">
        <v>23000</v>
      </c>
      <c r="W28" s="1"/>
      <c r="X28" s="1">
        <v>0.78</v>
      </c>
      <c r="Y28" s="1">
        <v>7.2999999999999995E-2</v>
      </c>
      <c r="Z28" s="1">
        <v>2.3E-3</v>
      </c>
      <c r="AC28" s="1" t="s">
        <v>492</v>
      </c>
      <c r="AD28" s="1" t="s">
        <v>493</v>
      </c>
      <c r="AE28" s="1" t="s">
        <v>494</v>
      </c>
      <c r="AF28" s="1" t="s">
        <v>495</v>
      </c>
      <c r="AG28" s="1">
        <v>1.0999999999999999E-2</v>
      </c>
      <c r="AH28" s="1" t="s">
        <v>494</v>
      </c>
      <c r="AI28" s="1"/>
      <c r="AJ28" s="1"/>
      <c r="AK28" s="1"/>
      <c r="AL28" s="1" t="s">
        <v>496</v>
      </c>
      <c r="AM28" s="1"/>
      <c r="AN28" s="1"/>
      <c r="AO28" s="1"/>
      <c r="AP28" t="s">
        <v>496</v>
      </c>
      <c r="AQ28" s="1"/>
      <c r="AR28" s="1" t="s">
        <v>496</v>
      </c>
      <c r="AS28" s="1" t="s">
        <v>496</v>
      </c>
      <c r="AT28" s="1"/>
      <c r="AU28" s="1"/>
      <c r="AV28" s="1"/>
      <c r="AW28" s="1"/>
      <c r="AX28" s="1"/>
      <c r="AY28" s="1"/>
      <c r="AZ28" s="1" t="s">
        <v>502</v>
      </c>
      <c r="BA28" s="1">
        <v>0.16</v>
      </c>
      <c r="BB28" s="1" t="s">
        <v>503</v>
      </c>
      <c r="BC28" s="1">
        <v>0.65</v>
      </c>
      <c r="BD28" s="1">
        <v>0.7</v>
      </c>
      <c r="BF28" s="1" t="s">
        <v>504</v>
      </c>
      <c r="BG28" s="1" t="s">
        <v>494</v>
      </c>
      <c r="BH28" s="1">
        <v>0.02</v>
      </c>
      <c r="BI28" s="1" t="s">
        <v>493</v>
      </c>
      <c r="BJ28" s="1"/>
      <c r="BK28" s="1"/>
      <c r="BL28" s="1"/>
      <c r="BM28" s="1" t="s">
        <v>509</v>
      </c>
      <c r="BN28" s="1">
        <v>6.4000000000000001E-2</v>
      </c>
      <c r="BO28" s="1">
        <v>22</v>
      </c>
      <c r="BP28" s="1">
        <v>19</v>
      </c>
      <c r="BQ28" s="1"/>
      <c r="BR28" s="1" t="s">
        <v>510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4583333333333337</v>
      </c>
      <c r="C29" s="1" t="s">
        <v>477</v>
      </c>
      <c r="D29" s="1" t="s">
        <v>67</v>
      </c>
      <c r="E29" s="1" t="s">
        <v>68</v>
      </c>
      <c r="F29" s="1" t="s">
        <v>69</v>
      </c>
      <c r="G29" s="1" t="s">
        <v>351</v>
      </c>
      <c r="J29" s="1" t="s">
        <v>127</v>
      </c>
      <c r="K29" s="1" t="s">
        <v>269</v>
      </c>
      <c r="L29" s="1" t="s">
        <v>32</v>
      </c>
      <c r="N29" s="1" t="s">
        <v>33</v>
      </c>
      <c r="O29" s="1" t="s">
        <v>34</v>
      </c>
      <c r="P29" s="1" t="s">
        <v>35</v>
      </c>
      <c r="Q29" s="1" t="s">
        <v>63</v>
      </c>
      <c r="R29" s="1" t="s">
        <v>74</v>
      </c>
      <c r="S29" s="1" t="s">
        <v>243</v>
      </c>
      <c r="T29" s="1" t="s">
        <v>196</v>
      </c>
      <c r="U29" s="1">
        <v>8.1999999999999993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23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0625</v>
      </c>
      <c r="C30" s="1" t="s">
        <v>477</v>
      </c>
      <c r="D30" s="1" t="s">
        <v>40</v>
      </c>
      <c r="E30" s="1" t="s">
        <v>68</v>
      </c>
      <c r="F30" s="1" t="s">
        <v>330</v>
      </c>
      <c r="G30" s="1" t="s">
        <v>85</v>
      </c>
      <c r="J30" s="1" t="s">
        <v>127</v>
      </c>
      <c r="K30" s="1" t="s">
        <v>178</v>
      </c>
      <c r="L30" s="1" t="s">
        <v>32</v>
      </c>
      <c r="N30" s="1" t="s">
        <v>33</v>
      </c>
      <c r="O30" s="1" t="s">
        <v>34</v>
      </c>
      <c r="P30" s="1" t="s">
        <v>35</v>
      </c>
      <c r="Q30" s="1" t="s">
        <v>55</v>
      </c>
      <c r="R30" s="1" t="s">
        <v>37</v>
      </c>
      <c r="S30" s="1" t="s">
        <v>56</v>
      </c>
      <c r="T30" s="1" t="s">
        <v>196</v>
      </c>
      <c r="U30" s="1">
        <v>8.9</v>
      </c>
      <c r="V30" s="1"/>
      <c r="W30" s="1"/>
      <c r="X30" s="1">
        <v>0.71</v>
      </c>
      <c r="Y30" s="1">
        <v>6.0999999999999999E-2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23</v>
      </c>
      <c r="BP30" s="1">
        <v>20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97</v>
      </c>
      <c r="B31" s="2">
        <v>0.15625</v>
      </c>
      <c r="C31" s="1" t="s">
        <v>477</v>
      </c>
      <c r="D31" s="1" t="s">
        <v>40</v>
      </c>
      <c r="E31" s="1" t="s">
        <v>68</v>
      </c>
      <c r="F31" s="1" t="s">
        <v>194</v>
      </c>
      <c r="G31" s="1" t="s">
        <v>181</v>
      </c>
      <c r="J31" s="1" t="s">
        <v>146</v>
      </c>
      <c r="K31" s="1" t="s">
        <v>147</v>
      </c>
      <c r="L31" s="1" t="s">
        <v>32</v>
      </c>
      <c r="N31" s="1" t="s">
        <v>33</v>
      </c>
      <c r="O31" s="1" t="s">
        <v>34</v>
      </c>
      <c r="P31" s="1" t="s">
        <v>35</v>
      </c>
      <c r="Q31" s="1" t="s">
        <v>55</v>
      </c>
      <c r="R31" s="1" t="s">
        <v>187</v>
      </c>
      <c r="S31" s="1" t="s">
        <v>56</v>
      </c>
      <c r="T31" s="1" t="s">
        <v>196</v>
      </c>
      <c r="U31" s="1">
        <v>8.9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23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00</v>
      </c>
      <c r="B32" s="2">
        <v>0.43055555555555558</v>
      </c>
      <c r="C32" s="1" t="s">
        <v>477</v>
      </c>
      <c r="D32" s="1" t="s">
        <v>40</v>
      </c>
      <c r="E32" s="1" t="s">
        <v>68</v>
      </c>
      <c r="F32" s="1" t="s">
        <v>347</v>
      </c>
      <c r="G32" s="1" t="s">
        <v>268</v>
      </c>
      <c r="J32" s="1" t="s">
        <v>146</v>
      </c>
      <c r="K32" s="1" t="s">
        <v>352</v>
      </c>
      <c r="L32" s="1" t="s">
        <v>32</v>
      </c>
      <c r="N32" s="1" t="s">
        <v>33</v>
      </c>
      <c r="O32" s="1" t="s">
        <v>54</v>
      </c>
      <c r="P32" s="1" t="s">
        <v>35</v>
      </c>
      <c r="Q32" s="1" t="s">
        <v>353</v>
      </c>
      <c r="R32" s="1" t="s">
        <v>210</v>
      </c>
      <c r="S32" s="1" t="s">
        <v>75</v>
      </c>
      <c r="T32" s="1" t="s">
        <v>196</v>
      </c>
      <c r="U32" s="1">
        <v>9.3000000000000007</v>
      </c>
      <c r="V32" s="3">
        <v>17000</v>
      </c>
      <c r="W32" s="1"/>
      <c r="X32" s="1">
        <v>0.86</v>
      </c>
      <c r="Y32" s="1">
        <v>8.5000000000000006E-2</v>
      </c>
      <c r="Z32" s="1">
        <v>1.8E-3</v>
      </c>
      <c r="AC32" s="1" t="s">
        <v>492</v>
      </c>
      <c r="AD32" s="1" t="s">
        <v>493</v>
      </c>
      <c r="AE32" s="1" t="s">
        <v>494</v>
      </c>
      <c r="AF32" s="1" t="s">
        <v>495</v>
      </c>
      <c r="AG32" s="1">
        <v>1.7000000000000001E-2</v>
      </c>
      <c r="AH32" s="1" t="s">
        <v>494</v>
      </c>
      <c r="AI32" s="1"/>
      <c r="AJ32" s="1"/>
      <c r="AK32" s="1"/>
      <c r="AL32" s="1" t="s">
        <v>496</v>
      </c>
      <c r="AM32" s="1"/>
      <c r="AN32" s="1"/>
      <c r="AO32" s="1"/>
      <c r="AP32" t="s">
        <v>496</v>
      </c>
      <c r="AQ32" s="1"/>
      <c r="AR32" s="1" t="s">
        <v>496</v>
      </c>
      <c r="AS32" s="1" t="s">
        <v>496</v>
      </c>
      <c r="AT32" s="1"/>
      <c r="AU32" s="1"/>
      <c r="AV32" s="1"/>
      <c r="AW32" s="1"/>
      <c r="AX32" s="1"/>
      <c r="AY32" s="1"/>
      <c r="AZ32" s="1"/>
      <c r="BA32" s="1"/>
      <c r="BB32" s="1" t="s">
        <v>503</v>
      </c>
      <c r="BC32" s="1">
        <v>0.72</v>
      </c>
      <c r="BD32" s="1">
        <v>0.77</v>
      </c>
      <c r="BF32" s="1"/>
      <c r="BG32" s="1"/>
      <c r="BH32" s="1"/>
      <c r="BI32" s="1"/>
      <c r="BJ32" s="1"/>
      <c r="BK32" s="1"/>
      <c r="BL32" s="1"/>
      <c r="BM32" s="1" t="s">
        <v>509</v>
      </c>
      <c r="BN32" s="1">
        <v>7.8E-2</v>
      </c>
      <c r="BO32" s="1">
        <v>27</v>
      </c>
      <c r="BP32" s="1">
        <v>27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5277777777777779</v>
      </c>
      <c r="C33" s="1" t="s">
        <v>477</v>
      </c>
      <c r="D33" s="1" t="s">
        <v>40</v>
      </c>
      <c r="E33" s="1" t="s">
        <v>68</v>
      </c>
      <c r="F33" s="1" t="s">
        <v>115</v>
      </c>
      <c r="G33" s="1" t="s">
        <v>217</v>
      </c>
      <c r="J33" s="1" t="s">
        <v>146</v>
      </c>
      <c r="K33" s="1" t="s">
        <v>352</v>
      </c>
      <c r="L33" s="1" t="s">
        <v>32</v>
      </c>
      <c r="N33" s="1" t="s">
        <v>33</v>
      </c>
      <c r="O33" s="1" t="s">
        <v>54</v>
      </c>
      <c r="P33" s="1" t="s">
        <v>35</v>
      </c>
      <c r="Q33" s="1" t="s">
        <v>82</v>
      </c>
      <c r="R33" s="1" t="s">
        <v>210</v>
      </c>
      <c r="S33" s="1" t="s">
        <v>89</v>
      </c>
      <c r="T33" s="1" t="s">
        <v>39</v>
      </c>
      <c r="U33" s="1">
        <v>9.1999999999999993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27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0277777777777779</v>
      </c>
      <c r="C34" s="1" t="s">
        <v>477</v>
      </c>
      <c r="D34" s="1" t="s">
        <v>67</v>
      </c>
      <c r="E34" s="1" t="s">
        <v>68</v>
      </c>
      <c r="F34" s="1" t="s">
        <v>283</v>
      </c>
      <c r="G34" s="1" t="s">
        <v>283</v>
      </c>
      <c r="J34" s="1" t="s">
        <v>146</v>
      </c>
      <c r="K34" s="1" t="s">
        <v>352</v>
      </c>
      <c r="L34" s="1" t="s">
        <v>32</v>
      </c>
      <c r="N34" s="1" t="s">
        <v>33</v>
      </c>
      <c r="O34" s="1" t="s">
        <v>54</v>
      </c>
      <c r="P34" s="1" t="s">
        <v>35</v>
      </c>
      <c r="Q34" s="1" t="s">
        <v>55</v>
      </c>
      <c r="R34" s="1" t="s">
        <v>74</v>
      </c>
      <c r="S34" s="1" t="s">
        <v>192</v>
      </c>
      <c r="T34" s="1" t="s">
        <v>196</v>
      </c>
      <c r="U34" s="1">
        <v>9.5</v>
      </c>
      <c r="V34" s="1"/>
      <c r="W34" s="1"/>
      <c r="X34" s="1">
        <v>0.89</v>
      </c>
      <c r="Y34" s="1">
        <v>8.4000000000000005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27</v>
      </c>
      <c r="BP34" s="1">
        <v>28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06</v>
      </c>
      <c r="B35" s="2">
        <v>0.14930555555555555</v>
      </c>
      <c r="C35" s="1" t="s">
        <v>477</v>
      </c>
      <c r="D35" s="1" t="s">
        <v>67</v>
      </c>
      <c r="E35" s="1" t="s">
        <v>68</v>
      </c>
      <c r="F35" s="1" t="s">
        <v>354</v>
      </c>
      <c r="G35" s="1" t="s">
        <v>302</v>
      </c>
      <c r="J35" s="1" t="s">
        <v>146</v>
      </c>
      <c r="K35" s="1" t="s">
        <v>352</v>
      </c>
      <c r="L35" s="1" t="s">
        <v>32</v>
      </c>
      <c r="N35" s="1" t="s">
        <v>33</v>
      </c>
      <c r="O35" s="1" t="s">
        <v>34</v>
      </c>
      <c r="P35" s="1" t="s">
        <v>35</v>
      </c>
      <c r="Q35" s="1" t="s">
        <v>55</v>
      </c>
      <c r="R35" s="1" t="s">
        <v>162</v>
      </c>
      <c r="S35" s="1" t="s">
        <v>38</v>
      </c>
      <c r="T35" s="1" t="s">
        <v>196</v>
      </c>
      <c r="U35" s="1">
        <v>9.6999999999999993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27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211</v>
      </c>
      <c r="B36" s="2">
        <v>0.4375</v>
      </c>
      <c r="C36" s="1" t="s">
        <v>477</v>
      </c>
      <c r="D36" s="1" t="s">
        <v>67</v>
      </c>
      <c r="E36" s="1" t="s">
        <v>68</v>
      </c>
      <c r="F36" s="1" t="s">
        <v>194</v>
      </c>
      <c r="G36" s="1" t="s">
        <v>355</v>
      </c>
      <c r="J36" s="1" t="s">
        <v>132</v>
      </c>
      <c r="K36" s="1" t="s">
        <v>227</v>
      </c>
      <c r="L36" s="1" t="s">
        <v>356</v>
      </c>
      <c r="N36" s="1" t="s">
        <v>33</v>
      </c>
      <c r="O36" s="1" t="s">
        <v>104</v>
      </c>
      <c r="P36" s="1" t="s">
        <v>35</v>
      </c>
      <c r="Q36" s="1" t="s">
        <v>134</v>
      </c>
      <c r="R36" s="1" t="s">
        <v>37</v>
      </c>
      <c r="S36" s="1" t="s">
        <v>262</v>
      </c>
      <c r="T36" s="1" t="s">
        <v>263</v>
      </c>
      <c r="U36" s="1">
        <v>8.1</v>
      </c>
      <c r="V36" s="3">
        <v>49000</v>
      </c>
      <c r="W36" s="1"/>
      <c r="X36" s="1">
        <v>0.93</v>
      </c>
      <c r="Y36" s="1">
        <v>0.12</v>
      </c>
      <c r="Z36" s="1">
        <v>2.3E-3</v>
      </c>
      <c r="AC36" s="1" t="s">
        <v>492</v>
      </c>
      <c r="AD36" s="1" t="s">
        <v>493</v>
      </c>
      <c r="AE36" s="1" t="s">
        <v>494</v>
      </c>
      <c r="AF36" s="1" t="s">
        <v>495</v>
      </c>
      <c r="AG36" s="1">
        <v>1.4999999999999999E-2</v>
      </c>
      <c r="AH36" s="1" t="s">
        <v>494</v>
      </c>
      <c r="AI36" s="1"/>
      <c r="AJ36" s="1"/>
      <c r="AK36" s="1"/>
      <c r="AL36" s="1" t="s">
        <v>496</v>
      </c>
      <c r="AM36" s="1"/>
      <c r="AN36" s="1"/>
      <c r="AO36" s="1"/>
      <c r="AP36" t="s">
        <v>496</v>
      </c>
      <c r="AQ36" s="1"/>
      <c r="AR36" s="1" t="s">
        <v>496</v>
      </c>
      <c r="AS36" s="1" t="s">
        <v>496</v>
      </c>
      <c r="AT36" s="1"/>
      <c r="AU36" s="1"/>
      <c r="AV36" s="1"/>
      <c r="AW36" s="1"/>
      <c r="AX36" s="1"/>
      <c r="AY36" s="1"/>
      <c r="AZ36" s="1" t="s">
        <v>502</v>
      </c>
      <c r="BA36" s="1">
        <v>0.25</v>
      </c>
      <c r="BB36" s="1" t="s">
        <v>503</v>
      </c>
      <c r="BC36" s="1">
        <v>0.73</v>
      </c>
      <c r="BD36" s="1">
        <v>0.78</v>
      </c>
      <c r="BF36" s="1" t="s">
        <v>504</v>
      </c>
      <c r="BG36" s="1">
        <v>1E-3</v>
      </c>
      <c r="BH36" s="1">
        <v>0.06</v>
      </c>
      <c r="BI36" s="1" t="s">
        <v>493</v>
      </c>
      <c r="BJ36" s="1"/>
      <c r="BK36" s="1"/>
      <c r="BL36" s="1"/>
      <c r="BM36" s="1" t="s">
        <v>509</v>
      </c>
      <c r="BN36" s="1">
        <v>0.1</v>
      </c>
      <c r="BO36" s="1">
        <v>39</v>
      </c>
      <c r="BP36" s="1">
        <v>26</v>
      </c>
      <c r="BQ36" s="1"/>
      <c r="BR36" s="1" t="s">
        <v>510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4583333333333337</v>
      </c>
      <c r="C37" s="1" t="s">
        <v>477</v>
      </c>
      <c r="D37" s="1" t="s">
        <v>67</v>
      </c>
      <c r="E37" s="1" t="s">
        <v>68</v>
      </c>
      <c r="F37" s="1" t="s">
        <v>347</v>
      </c>
      <c r="G37" s="1" t="s">
        <v>268</v>
      </c>
      <c r="J37" s="1" t="s">
        <v>132</v>
      </c>
      <c r="K37" s="1" t="s">
        <v>227</v>
      </c>
      <c r="L37" s="1" t="s">
        <v>357</v>
      </c>
      <c r="N37" s="1" t="s">
        <v>33</v>
      </c>
      <c r="O37" s="1" t="s">
        <v>104</v>
      </c>
      <c r="P37" s="1" t="s">
        <v>35</v>
      </c>
      <c r="Q37" s="1" t="s">
        <v>63</v>
      </c>
      <c r="R37" s="1" t="s">
        <v>74</v>
      </c>
      <c r="S37" s="1" t="s">
        <v>129</v>
      </c>
      <c r="T37" s="1" t="s">
        <v>76</v>
      </c>
      <c r="U37" s="1">
        <v>8.5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27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1319444444444453</v>
      </c>
      <c r="C38" s="1" t="s">
        <v>477</v>
      </c>
      <c r="D38" s="1" t="s">
        <v>40</v>
      </c>
      <c r="E38" s="1" t="s">
        <v>68</v>
      </c>
      <c r="F38" s="1" t="s">
        <v>358</v>
      </c>
      <c r="G38" s="1" t="s">
        <v>284</v>
      </c>
      <c r="J38" s="1" t="s">
        <v>132</v>
      </c>
      <c r="K38" s="1" t="s">
        <v>227</v>
      </c>
      <c r="L38" s="1" t="s">
        <v>32</v>
      </c>
      <c r="N38" s="1" t="s">
        <v>33</v>
      </c>
      <c r="O38" s="1" t="s">
        <v>34</v>
      </c>
      <c r="P38" s="1" t="s">
        <v>35</v>
      </c>
      <c r="Q38" s="1" t="s">
        <v>55</v>
      </c>
      <c r="R38" s="1" t="s">
        <v>95</v>
      </c>
      <c r="S38" s="1" t="s">
        <v>235</v>
      </c>
      <c r="T38" s="1" t="s">
        <v>39</v>
      </c>
      <c r="U38" s="1">
        <v>9.4</v>
      </c>
      <c r="V38" s="1"/>
      <c r="W38" s="1"/>
      <c r="X38" s="1">
        <v>1.1000000000000001</v>
      </c>
      <c r="Y38" s="1">
        <v>0.11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20</v>
      </c>
      <c r="BP38" s="1">
        <v>28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24</v>
      </c>
      <c r="B39" s="2">
        <v>0.15625</v>
      </c>
      <c r="C39" s="1" t="s">
        <v>477</v>
      </c>
      <c r="D39" s="1" t="s">
        <v>40</v>
      </c>
      <c r="E39" s="1" t="s">
        <v>68</v>
      </c>
      <c r="F39" s="1" t="s">
        <v>359</v>
      </c>
      <c r="G39" s="1" t="s">
        <v>302</v>
      </c>
      <c r="J39" s="1" t="s">
        <v>132</v>
      </c>
      <c r="K39" s="1" t="s">
        <v>227</v>
      </c>
      <c r="L39" s="1" t="s">
        <v>32</v>
      </c>
      <c r="N39" s="1" t="s">
        <v>33</v>
      </c>
      <c r="O39" s="1" t="s">
        <v>34</v>
      </c>
      <c r="P39" s="1" t="s">
        <v>35</v>
      </c>
      <c r="Q39" s="1" t="s">
        <v>63</v>
      </c>
      <c r="R39" s="1" t="s">
        <v>95</v>
      </c>
      <c r="S39" s="1" t="s">
        <v>49</v>
      </c>
      <c r="T39" s="1" t="s">
        <v>65</v>
      </c>
      <c r="U39" s="1">
        <v>8.6999999999999993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20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228</v>
      </c>
      <c r="B40" s="2">
        <v>0.43958333333333338</v>
      </c>
      <c r="C40" s="1" t="s">
        <v>477</v>
      </c>
      <c r="D40" s="1" t="s">
        <v>67</v>
      </c>
      <c r="E40" s="1" t="s">
        <v>68</v>
      </c>
      <c r="F40" s="1" t="s">
        <v>360</v>
      </c>
      <c r="G40" s="1" t="s">
        <v>233</v>
      </c>
      <c r="H40" s="1" t="s">
        <v>94</v>
      </c>
      <c r="I40" s="1" t="s">
        <v>361</v>
      </c>
      <c r="J40" s="1" t="s">
        <v>323</v>
      </c>
      <c r="K40" s="1" t="s">
        <v>30</v>
      </c>
      <c r="L40" s="1" t="s">
        <v>32</v>
      </c>
      <c r="N40" s="1" t="s">
        <v>33</v>
      </c>
      <c r="O40" s="1" t="s">
        <v>34</v>
      </c>
      <c r="P40" s="1" t="s">
        <v>35</v>
      </c>
      <c r="Q40" s="1" t="s">
        <v>134</v>
      </c>
      <c r="R40" s="1" t="s">
        <v>74</v>
      </c>
      <c r="S40" s="1" t="s">
        <v>56</v>
      </c>
      <c r="T40" s="1" t="s">
        <v>196</v>
      </c>
      <c r="U40" s="1">
        <v>10.8</v>
      </c>
      <c r="V40" s="3">
        <v>3300</v>
      </c>
      <c r="W40" s="1"/>
      <c r="X40" s="1">
        <v>0.99</v>
      </c>
      <c r="Y40" s="1">
        <v>0.1</v>
      </c>
      <c r="Z40" s="1">
        <v>1.6000000000000001E-3</v>
      </c>
      <c r="AC40" s="1" t="s">
        <v>492</v>
      </c>
      <c r="AD40" s="1" t="s">
        <v>493</v>
      </c>
      <c r="AE40" s="1" t="s">
        <v>494</v>
      </c>
      <c r="AF40" s="1" t="s">
        <v>495</v>
      </c>
      <c r="AG40" s="1">
        <v>0.02</v>
      </c>
      <c r="AH40" s="1" t="s">
        <v>494</v>
      </c>
      <c r="AI40" s="1"/>
      <c r="AJ40" s="1"/>
      <c r="AK40" s="1"/>
      <c r="AL40" s="1" t="s">
        <v>496</v>
      </c>
      <c r="AM40" s="1"/>
      <c r="AN40" s="1"/>
      <c r="AO40" s="1"/>
      <c r="AP40" t="s">
        <v>496</v>
      </c>
      <c r="AQ40" s="1"/>
      <c r="AR40" s="1" t="s">
        <v>496</v>
      </c>
      <c r="AS40" s="1" t="s">
        <v>496</v>
      </c>
      <c r="AT40" s="1"/>
      <c r="AU40" s="1"/>
      <c r="AV40" s="1"/>
      <c r="AW40" s="1"/>
      <c r="AX40" s="1"/>
      <c r="AY40" s="1"/>
      <c r="AZ40" s="1"/>
      <c r="BA40" s="1"/>
      <c r="BB40" s="1" t="s">
        <v>503</v>
      </c>
      <c r="BC40" s="1">
        <v>0.89</v>
      </c>
      <c r="BD40" s="1">
        <v>0.94</v>
      </c>
      <c r="BF40" s="1"/>
      <c r="BG40" s="1"/>
      <c r="BH40" s="1"/>
      <c r="BI40" s="1"/>
      <c r="BJ40" s="1"/>
      <c r="BK40" s="1"/>
      <c r="BL40" s="1"/>
      <c r="BM40" s="1" t="s">
        <v>509</v>
      </c>
      <c r="BN40" s="1">
        <v>9.1999999999999998E-2</v>
      </c>
      <c r="BO40" s="1">
        <v>31</v>
      </c>
      <c r="BP40" s="1">
        <v>35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6666666666666663</v>
      </c>
      <c r="C41" s="1" t="s">
        <v>477</v>
      </c>
      <c r="D41" s="1" t="s">
        <v>67</v>
      </c>
      <c r="E41" s="1" t="s">
        <v>68</v>
      </c>
      <c r="F41" s="1" t="s">
        <v>229</v>
      </c>
      <c r="G41" s="1" t="s">
        <v>362</v>
      </c>
      <c r="H41" s="1" t="s">
        <v>363</v>
      </c>
      <c r="I41" s="1" t="s">
        <v>364</v>
      </c>
      <c r="J41" s="1" t="s">
        <v>323</v>
      </c>
      <c r="K41" s="1" t="s">
        <v>202</v>
      </c>
      <c r="L41" s="1" t="s">
        <v>32</v>
      </c>
      <c r="N41" s="1" t="s">
        <v>33</v>
      </c>
      <c r="O41" s="1" t="s">
        <v>34</v>
      </c>
      <c r="P41" s="1" t="s">
        <v>35</v>
      </c>
      <c r="Q41" s="1" t="s">
        <v>204</v>
      </c>
      <c r="R41" s="1" t="s">
        <v>56</v>
      </c>
      <c r="S41" s="1" t="s">
        <v>175</v>
      </c>
      <c r="T41" s="1" t="s">
        <v>301</v>
      </c>
      <c r="U41" s="1">
        <v>10.9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30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2013888888888884</v>
      </c>
      <c r="C42" s="1" t="s">
        <v>477</v>
      </c>
      <c r="D42" s="1" t="s">
        <v>67</v>
      </c>
      <c r="E42" s="1" t="s">
        <v>68</v>
      </c>
      <c r="F42" s="1" t="s">
        <v>64</v>
      </c>
      <c r="G42" s="1" t="s">
        <v>234</v>
      </c>
      <c r="H42" s="1" t="s">
        <v>73</v>
      </c>
      <c r="I42" s="1" t="s">
        <v>365</v>
      </c>
      <c r="J42" s="1" t="s">
        <v>323</v>
      </c>
      <c r="K42" s="1" t="s">
        <v>30</v>
      </c>
      <c r="L42" s="1" t="s">
        <v>32</v>
      </c>
      <c r="N42" s="1" t="s">
        <v>33</v>
      </c>
      <c r="O42" s="1" t="s">
        <v>34</v>
      </c>
      <c r="P42" s="1" t="s">
        <v>35</v>
      </c>
      <c r="Q42" s="1" t="s">
        <v>63</v>
      </c>
      <c r="R42" s="1" t="s">
        <v>95</v>
      </c>
      <c r="S42" s="1" t="s">
        <v>56</v>
      </c>
      <c r="T42" s="1" t="s">
        <v>231</v>
      </c>
      <c r="U42" s="1">
        <v>11</v>
      </c>
      <c r="V42" s="1"/>
      <c r="W42" s="1"/>
      <c r="X42" s="1">
        <v>1</v>
      </c>
      <c r="Y42" s="1">
        <v>0.1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31</v>
      </c>
      <c r="BP42" s="1">
        <v>36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37</v>
      </c>
      <c r="B43" s="2">
        <v>0.16319444444444445</v>
      </c>
      <c r="C43" s="1" t="s">
        <v>477</v>
      </c>
      <c r="D43" s="1" t="s">
        <v>67</v>
      </c>
      <c r="E43" s="1" t="s">
        <v>68</v>
      </c>
      <c r="F43" s="1" t="s">
        <v>210</v>
      </c>
      <c r="G43" s="1" t="s">
        <v>366</v>
      </c>
      <c r="H43" s="1" t="s">
        <v>363</v>
      </c>
      <c r="I43" s="1" t="s">
        <v>367</v>
      </c>
      <c r="J43" s="1" t="s">
        <v>323</v>
      </c>
      <c r="K43" s="1" t="s">
        <v>202</v>
      </c>
      <c r="L43" s="1" t="s">
        <v>32</v>
      </c>
      <c r="N43" s="1" t="s">
        <v>33</v>
      </c>
      <c r="O43" s="1" t="s">
        <v>34</v>
      </c>
      <c r="P43" s="1" t="s">
        <v>35</v>
      </c>
      <c r="Q43" s="1" t="s">
        <v>63</v>
      </c>
      <c r="R43" s="1" t="s">
        <v>56</v>
      </c>
      <c r="S43" s="1" t="s">
        <v>56</v>
      </c>
      <c r="T43" s="1" t="s">
        <v>196</v>
      </c>
      <c r="U43" s="1">
        <v>10.9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31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39</v>
      </c>
      <c r="B44" s="2">
        <v>0.45833333333333331</v>
      </c>
      <c r="C44" s="1" t="s">
        <v>477</v>
      </c>
      <c r="D44" s="1" t="s">
        <v>40</v>
      </c>
      <c r="E44" s="1" t="s">
        <v>68</v>
      </c>
      <c r="F44" s="1" t="s">
        <v>368</v>
      </c>
      <c r="G44" s="1" t="s">
        <v>369</v>
      </c>
      <c r="H44" s="1" t="s">
        <v>87</v>
      </c>
      <c r="I44" s="1" t="s">
        <v>370</v>
      </c>
      <c r="J44" s="1" t="s">
        <v>212</v>
      </c>
      <c r="K44" s="1" t="s">
        <v>144</v>
      </c>
      <c r="L44" s="1" t="s">
        <v>32</v>
      </c>
      <c r="N44" s="1" t="s">
        <v>33</v>
      </c>
      <c r="O44" s="1" t="s">
        <v>34</v>
      </c>
      <c r="P44" s="1" t="s">
        <v>35</v>
      </c>
      <c r="Q44" s="1" t="s">
        <v>134</v>
      </c>
      <c r="R44" s="1" t="s">
        <v>74</v>
      </c>
      <c r="S44" s="1" t="s">
        <v>38</v>
      </c>
      <c r="T44" s="1" t="s">
        <v>196</v>
      </c>
      <c r="U44" s="1">
        <v>7.5</v>
      </c>
      <c r="V44" s="3">
        <v>7900</v>
      </c>
      <c r="W44" s="1" t="s">
        <v>497</v>
      </c>
      <c r="X44" s="1">
        <v>1.2</v>
      </c>
      <c r="Y44" s="1">
        <v>0.12</v>
      </c>
      <c r="Z44" s="1">
        <v>1.6000000000000001E-3</v>
      </c>
      <c r="AA44" t="s">
        <v>522</v>
      </c>
      <c r="AB44" t="s">
        <v>524</v>
      </c>
      <c r="AC44" s="1" t="s">
        <v>492</v>
      </c>
      <c r="AD44" s="1" t="s">
        <v>493</v>
      </c>
      <c r="AE44" s="1" t="s">
        <v>494</v>
      </c>
      <c r="AF44" s="1" t="s">
        <v>495</v>
      </c>
      <c r="AG44" s="1">
        <v>2.1000000000000001E-2</v>
      </c>
      <c r="AH44" s="1" t="s">
        <v>494</v>
      </c>
      <c r="AI44" s="1"/>
      <c r="AJ44" s="1" t="s">
        <v>494</v>
      </c>
      <c r="AK44" s="1" t="s">
        <v>496</v>
      </c>
      <c r="AL44" s="1" t="s">
        <v>496</v>
      </c>
      <c r="AM44" s="1" t="s">
        <v>496</v>
      </c>
      <c r="AN44" s="1" t="s">
        <v>496</v>
      </c>
      <c r="AO44" s="1" t="s">
        <v>496</v>
      </c>
      <c r="AP44" t="s">
        <v>496</v>
      </c>
      <c r="AQ44" s="1" t="s">
        <v>496</v>
      </c>
      <c r="AR44" s="1" t="s">
        <v>496</v>
      </c>
      <c r="AS44" s="1" t="s">
        <v>496</v>
      </c>
      <c r="AT44" s="1" t="s">
        <v>505</v>
      </c>
      <c r="AU44" s="1"/>
      <c r="AV44" s="1"/>
      <c r="AW44" s="1"/>
      <c r="AX44" s="1" t="s">
        <v>496</v>
      </c>
      <c r="AY44" s="1" t="s">
        <v>494</v>
      </c>
      <c r="AZ44" s="1" t="s">
        <v>502</v>
      </c>
      <c r="BA44" s="1">
        <v>0.35</v>
      </c>
      <c r="BB44" s="1" t="s">
        <v>503</v>
      </c>
      <c r="BC44" s="1">
        <v>0.99</v>
      </c>
      <c r="BD44" s="1">
        <v>1</v>
      </c>
      <c r="BE44" t="s">
        <v>504</v>
      </c>
      <c r="BF44" s="1" t="s">
        <v>504</v>
      </c>
      <c r="BG44" s="1">
        <v>5.0000000000000001E-4</v>
      </c>
      <c r="BH44" s="1">
        <v>0.03</v>
      </c>
      <c r="BI44" s="1" t="s">
        <v>493</v>
      </c>
      <c r="BJ44" s="1" t="s">
        <v>504</v>
      </c>
      <c r="BK44" s="1" t="s">
        <v>494</v>
      </c>
      <c r="BL44" s="1" t="s">
        <v>511</v>
      </c>
      <c r="BM44" s="1">
        <v>0.05</v>
      </c>
      <c r="BN44" s="1">
        <v>0.11</v>
      </c>
      <c r="BO44" s="1">
        <v>15</v>
      </c>
      <c r="BP44" s="1">
        <v>37</v>
      </c>
      <c r="BQ44" s="1"/>
      <c r="BR44" s="1" t="s">
        <v>510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5972222222222221</v>
      </c>
      <c r="C45" s="1" t="s">
        <v>477</v>
      </c>
      <c r="D45" s="1" t="s">
        <v>40</v>
      </c>
      <c r="E45" s="1" t="s">
        <v>68</v>
      </c>
      <c r="F45" s="1" t="s">
        <v>55</v>
      </c>
      <c r="G45" s="1" t="s">
        <v>371</v>
      </c>
      <c r="H45" s="1" t="s">
        <v>81</v>
      </c>
      <c r="I45" s="1" t="s">
        <v>370</v>
      </c>
      <c r="J45" s="1" t="s">
        <v>323</v>
      </c>
      <c r="K45" s="1" t="s">
        <v>43</v>
      </c>
      <c r="L45" s="1" t="s">
        <v>32</v>
      </c>
      <c r="N45" s="1" t="s">
        <v>33</v>
      </c>
      <c r="O45" s="1" t="s">
        <v>34</v>
      </c>
      <c r="P45" s="1" t="s">
        <v>35</v>
      </c>
      <c r="Q45" s="1" t="s">
        <v>63</v>
      </c>
      <c r="R45" s="1" t="s">
        <v>372</v>
      </c>
      <c r="S45" s="1" t="s">
        <v>106</v>
      </c>
      <c r="T45" s="1" t="s">
        <v>39</v>
      </c>
      <c r="U45" s="1">
        <v>8.9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36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1666666666666663</v>
      </c>
      <c r="C46" s="1" t="s">
        <v>477</v>
      </c>
      <c r="D46" s="1" t="s">
        <v>40</v>
      </c>
      <c r="E46" s="1" t="s">
        <v>68</v>
      </c>
      <c r="F46" s="1" t="s">
        <v>373</v>
      </c>
      <c r="G46" s="1" t="s">
        <v>362</v>
      </c>
      <c r="H46" s="1" t="s">
        <v>94</v>
      </c>
      <c r="I46" s="1" t="s">
        <v>374</v>
      </c>
      <c r="J46" s="1" t="s">
        <v>323</v>
      </c>
      <c r="K46" s="1" t="s">
        <v>43</v>
      </c>
      <c r="L46" s="1" t="s">
        <v>32</v>
      </c>
      <c r="N46" s="1" t="s">
        <v>33</v>
      </c>
      <c r="O46" s="1" t="s">
        <v>34</v>
      </c>
      <c r="P46" s="1" t="s">
        <v>35</v>
      </c>
      <c r="Q46" s="1" t="s">
        <v>55</v>
      </c>
      <c r="R46" s="1" t="s">
        <v>179</v>
      </c>
      <c r="S46" s="1" t="s">
        <v>75</v>
      </c>
      <c r="T46" s="1" t="s">
        <v>196</v>
      </c>
      <c r="U46" s="1">
        <v>10.9</v>
      </c>
      <c r="V46" s="1"/>
      <c r="W46" s="1"/>
      <c r="X46" s="1">
        <v>1.1000000000000001</v>
      </c>
      <c r="Y46" s="1">
        <v>0.13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33</v>
      </c>
      <c r="BP46" s="1">
        <v>38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46</v>
      </c>
      <c r="B47" s="2">
        <v>0.17013888888888887</v>
      </c>
      <c r="C47" s="1" t="s">
        <v>477</v>
      </c>
      <c r="D47" s="1" t="s">
        <v>40</v>
      </c>
      <c r="E47" s="1" t="s">
        <v>68</v>
      </c>
      <c r="F47" s="1" t="s">
        <v>325</v>
      </c>
      <c r="G47" s="1" t="s">
        <v>247</v>
      </c>
      <c r="H47" s="1" t="s">
        <v>94</v>
      </c>
      <c r="I47" s="1" t="s">
        <v>375</v>
      </c>
      <c r="J47" s="1" t="s">
        <v>323</v>
      </c>
      <c r="K47" s="1" t="s">
        <v>43</v>
      </c>
      <c r="L47" s="1" t="s">
        <v>32</v>
      </c>
      <c r="N47" s="1" t="s">
        <v>33</v>
      </c>
      <c r="O47" s="1" t="s">
        <v>34</v>
      </c>
      <c r="P47" s="1" t="s">
        <v>35</v>
      </c>
      <c r="Q47" s="1" t="s">
        <v>55</v>
      </c>
      <c r="R47" s="1" t="s">
        <v>37</v>
      </c>
      <c r="S47" s="1" t="s">
        <v>192</v>
      </c>
      <c r="T47" s="1" t="s">
        <v>196</v>
      </c>
      <c r="U47" s="1">
        <v>10.8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32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248</v>
      </c>
      <c r="B48" s="2">
        <v>0.43402777777777773</v>
      </c>
      <c r="C48" s="1" t="s">
        <v>477</v>
      </c>
      <c r="D48" s="1" t="s">
        <v>40</v>
      </c>
      <c r="E48" s="1" t="s">
        <v>68</v>
      </c>
      <c r="F48" s="1" t="s">
        <v>260</v>
      </c>
      <c r="G48" s="1" t="s">
        <v>250</v>
      </c>
      <c r="H48" s="1" t="s">
        <v>273</v>
      </c>
      <c r="I48" s="1" t="s">
        <v>376</v>
      </c>
      <c r="J48" s="1" t="s">
        <v>212</v>
      </c>
      <c r="K48" s="1" t="s">
        <v>256</v>
      </c>
      <c r="L48" s="1" t="s">
        <v>32</v>
      </c>
      <c r="N48" s="1" t="s">
        <v>33</v>
      </c>
      <c r="O48" s="1" t="s">
        <v>34</v>
      </c>
      <c r="P48" s="1" t="s">
        <v>35</v>
      </c>
      <c r="Q48" s="1" t="s">
        <v>134</v>
      </c>
      <c r="R48" s="1" t="s">
        <v>95</v>
      </c>
      <c r="S48" s="1" t="s">
        <v>38</v>
      </c>
      <c r="T48" s="1" t="s">
        <v>196</v>
      </c>
      <c r="U48" s="1">
        <v>9</v>
      </c>
      <c r="V48" s="3">
        <v>3300</v>
      </c>
      <c r="W48" s="1"/>
      <c r="X48" s="1">
        <v>1</v>
      </c>
      <c r="Y48" s="1">
        <v>0.1</v>
      </c>
      <c r="Z48" s="1">
        <v>5.9999999999999995E-4</v>
      </c>
      <c r="AC48" s="1" t="s">
        <v>492</v>
      </c>
      <c r="AD48" s="1" t="s">
        <v>493</v>
      </c>
      <c r="AE48" s="1" t="s">
        <v>494</v>
      </c>
      <c r="AF48" s="1" t="s">
        <v>495</v>
      </c>
      <c r="AG48" s="1">
        <v>2.1999999999999999E-2</v>
      </c>
      <c r="AH48" s="1" t="s">
        <v>494</v>
      </c>
      <c r="AI48" s="1"/>
      <c r="AJ48" s="1"/>
      <c r="AK48" s="1"/>
      <c r="AL48" s="1" t="s">
        <v>496</v>
      </c>
      <c r="AM48" s="1"/>
      <c r="AN48" s="1"/>
      <c r="AO48" s="1"/>
      <c r="AP48" t="s">
        <v>496</v>
      </c>
      <c r="AQ48" s="1"/>
      <c r="AR48" s="1" t="s">
        <v>496</v>
      </c>
      <c r="AS48" s="1" t="s">
        <v>496</v>
      </c>
      <c r="AT48" s="1"/>
      <c r="AU48" s="1" t="s">
        <v>494</v>
      </c>
      <c r="AV48" s="1" t="s">
        <v>492</v>
      </c>
      <c r="AW48" s="1" t="s">
        <v>492</v>
      </c>
      <c r="AX48" s="1"/>
      <c r="AY48" s="1"/>
      <c r="AZ48" s="1"/>
      <c r="BA48" s="1"/>
      <c r="BB48" s="1" t="s">
        <v>503</v>
      </c>
      <c r="BC48" s="1">
        <v>0.89</v>
      </c>
      <c r="BD48" s="1">
        <v>0.94</v>
      </c>
      <c r="BF48" s="1"/>
      <c r="BG48" s="1"/>
      <c r="BH48" s="1"/>
      <c r="BI48" s="1"/>
      <c r="BJ48" s="1"/>
      <c r="BK48" s="1"/>
      <c r="BL48" s="1"/>
      <c r="BM48" s="1" t="s">
        <v>509</v>
      </c>
      <c r="BN48" s="1">
        <v>9.0999999999999998E-2</v>
      </c>
      <c r="BO48" s="1">
        <v>16</v>
      </c>
      <c r="BP48" s="1">
        <v>38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6319444444444442</v>
      </c>
      <c r="C49" s="1" t="s">
        <v>477</v>
      </c>
      <c r="D49" s="1" t="s">
        <v>40</v>
      </c>
      <c r="E49" s="1" t="s">
        <v>68</v>
      </c>
      <c r="F49" s="1" t="s">
        <v>377</v>
      </c>
      <c r="G49" s="1" t="s">
        <v>378</v>
      </c>
      <c r="H49" s="1" t="s">
        <v>218</v>
      </c>
      <c r="I49" s="1" t="s">
        <v>379</v>
      </c>
      <c r="J49" s="1" t="s">
        <v>212</v>
      </c>
      <c r="K49" s="1" t="s">
        <v>144</v>
      </c>
      <c r="L49" s="1" t="s">
        <v>380</v>
      </c>
      <c r="N49" s="1" t="s">
        <v>33</v>
      </c>
      <c r="O49" s="1" t="s">
        <v>104</v>
      </c>
      <c r="P49" s="1" t="s">
        <v>35</v>
      </c>
      <c r="Q49" s="1" t="s">
        <v>63</v>
      </c>
      <c r="R49" s="1" t="s">
        <v>372</v>
      </c>
      <c r="S49" s="1" t="s">
        <v>381</v>
      </c>
      <c r="T49" s="1" t="s">
        <v>58</v>
      </c>
      <c r="U49" s="1">
        <v>7.9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37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0625</v>
      </c>
      <c r="C50" s="1" t="s">
        <v>477</v>
      </c>
      <c r="D50" s="1" t="s">
        <v>27</v>
      </c>
      <c r="E50" s="1" t="s">
        <v>68</v>
      </c>
      <c r="F50" s="1" t="s">
        <v>382</v>
      </c>
      <c r="G50" s="1" t="s">
        <v>383</v>
      </c>
      <c r="H50" s="1" t="s">
        <v>273</v>
      </c>
      <c r="I50" s="1" t="s">
        <v>384</v>
      </c>
      <c r="J50" s="1" t="s">
        <v>212</v>
      </c>
      <c r="K50" s="1" t="s">
        <v>144</v>
      </c>
      <c r="L50" s="1" t="s">
        <v>32</v>
      </c>
      <c r="N50" s="1" t="s">
        <v>33</v>
      </c>
      <c r="O50" s="1" t="s">
        <v>34</v>
      </c>
      <c r="P50" s="1" t="s">
        <v>35</v>
      </c>
      <c r="Q50" s="1" t="s">
        <v>63</v>
      </c>
      <c r="R50" s="1" t="s">
        <v>187</v>
      </c>
      <c r="S50" s="1" t="s">
        <v>175</v>
      </c>
      <c r="T50" s="1" t="s">
        <v>39</v>
      </c>
      <c r="U50" s="1">
        <v>10.199999999999999</v>
      </c>
      <c r="V50" s="1"/>
      <c r="W50" s="1"/>
      <c r="X50" s="1">
        <v>1</v>
      </c>
      <c r="Y50" s="1">
        <v>0.12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32</v>
      </c>
      <c r="BP50" s="1">
        <v>38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258</v>
      </c>
      <c r="B51" s="2">
        <v>0.15972222222222224</v>
      </c>
      <c r="C51" s="1" t="s">
        <v>477</v>
      </c>
      <c r="D51" s="1" t="s">
        <v>27</v>
      </c>
      <c r="E51" s="1" t="s">
        <v>68</v>
      </c>
      <c r="F51" s="1" t="s">
        <v>385</v>
      </c>
      <c r="G51" s="1" t="s">
        <v>386</v>
      </c>
      <c r="H51" s="1" t="s">
        <v>348</v>
      </c>
      <c r="I51" s="1" t="s">
        <v>387</v>
      </c>
      <c r="J51" s="1" t="s">
        <v>212</v>
      </c>
      <c r="K51" s="1" t="s">
        <v>256</v>
      </c>
      <c r="L51" s="1" t="s">
        <v>32</v>
      </c>
      <c r="N51" s="1" t="s">
        <v>33</v>
      </c>
      <c r="O51" s="1" t="s">
        <v>34</v>
      </c>
      <c r="P51" s="1" t="s">
        <v>35</v>
      </c>
      <c r="Q51" s="1" t="s">
        <v>63</v>
      </c>
      <c r="R51" s="1" t="s">
        <v>243</v>
      </c>
      <c r="S51" s="1" t="s">
        <v>235</v>
      </c>
      <c r="T51" s="1" t="s">
        <v>65</v>
      </c>
      <c r="U51" s="1">
        <v>10.199999999999999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32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29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85</v>
      </c>
      <c r="C1" s="1" t="s">
        <v>1</v>
      </c>
      <c r="D1" s="1" t="s">
        <v>486</v>
      </c>
      <c r="E1" s="1" t="s">
        <v>2</v>
      </c>
      <c r="F1" s="1" t="s">
        <v>480</v>
      </c>
      <c r="G1" s="1" t="s">
        <v>3</v>
      </c>
      <c r="H1" s="1" t="s">
        <v>48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0</v>
      </c>
      <c r="V2" s="1" t="s">
        <v>419</v>
      </c>
      <c r="W2" s="1" t="s">
        <v>489</v>
      </c>
      <c r="X2" s="1" t="s">
        <v>420</v>
      </c>
      <c r="Y2" s="1" t="s">
        <v>421</v>
      </c>
      <c r="Z2" s="1" t="s">
        <v>422</v>
      </c>
      <c r="AA2" s="1" t="s">
        <v>519</v>
      </c>
      <c r="AB2" s="1" t="s">
        <v>521</v>
      </c>
      <c r="AC2" s="1" t="s">
        <v>423</v>
      </c>
      <c r="AD2" s="1" t="s">
        <v>424</v>
      </c>
      <c r="AE2" s="1" t="s">
        <v>490</v>
      </c>
      <c r="AF2" s="1" t="s">
        <v>425</v>
      </c>
      <c r="AG2" s="1" t="s">
        <v>426</v>
      </c>
      <c r="AH2" s="1" t="s">
        <v>427</v>
      </c>
      <c r="AI2" s="1" t="s">
        <v>428</v>
      </c>
      <c r="AJ2" s="1" t="s">
        <v>429</v>
      </c>
      <c r="AK2" s="1" t="s">
        <v>430</v>
      </c>
      <c r="AL2" s="1" t="s">
        <v>431</v>
      </c>
      <c r="AM2" s="1" t="s">
        <v>432</v>
      </c>
      <c r="AN2" s="1" t="s">
        <v>433</v>
      </c>
      <c r="AO2" s="1" t="s">
        <v>434</v>
      </c>
      <c r="AP2" t="s">
        <v>512</v>
      </c>
      <c r="AQ2" s="1" t="s">
        <v>435</v>
      </c>
      <c r="AR2" s="1" t="s">
        <v>436</v>
      </c>
      <c r="AS2" s="1" t="s">
        <v>437</v>
      </c>
      <c r="AT2" s="1" t="s">
        <v>499</v>
      </c>
      <c r="AU2" s="1" t="s">
        <v>438</v>
      </c>
      <c r="AV2" s="1" t="s">
        <v>439</v>
      </c>
      <c r="AW2" s="1" t="s">
        <v>440</v>
      </c>
      <c r="AX2" s="1" t="s">
        <v>441</v>
      </c>
      <c r="AY2" s="1" t="s">
        <v>442</v>
      </c>
      <c r="AZ2" s="1" t="s">
        <v>443</v>
      </c>
      <c r="BA2" s="1" t="s">
        <v>444</v>
      </c>
      <c r="BB2" s="1" t="s">
        <v>445</v>
      </c>
      <c r="BC2" s="1" t="s">
        <v>446</v>
      </c>
      <c r="BD2" s="1" t="s">
        <v>447</v>
      </c>
      <c r="BE2" s="1" t="s">
        <v>516</v>
      </c>
      <c r="BF2" s="1" t="s">
        <v>448</v>
      </c>
      <c r="BG2" s="1" t="s">
        <v>500</v>
      </c>
      <c r="BH2" s="1" t="s">
        <v>501</v>
      </c>
      <c r="BI2" s="1" t="s">
        <v>449</v>
      </c>
      <c r="BJ2" s="1" t="s">
        <v>450</v>
      </c>
      <c r="BK2" s="1" t="s">
        <v>451</v>
      </c>
      <c r="BL2" s="1" t="s">
        <v>452</v>
      </c>
      <c r="BM2" s="1" t="s">
        <v>453</v>
      </c>
      <c r="BN2" s="1" t="s">
        <v>454</v>
      </c>
      <c r="BO2" s="1" t="s">
        <v>455</v>
      </c>
      <c r="BP2" s="1" t="s">
        <v>456</v>
      </c>
      <c r="BQ2" s="1" t="s">
        <v>457</v>
      </c>
      <c r="BR2" s="1" t="s">
        <v>458</v>
      </c>
      <c r="BS2" s="1" t="s">
        <v>459</v>
      </c>
      <c r="BT2" s="1" t="s">
        <v>460</v>
      </c>
      <c r="BU2" s="1" t="s">
        <v>461</v>
      </c>
      <c r="BV2" s="1" t="s">
        <v>462</v>
      </c>
      <c r="BW2" s="1" t="s">
        <v>463</v>
      </c>
      <c r="BX2" s="1" t="s">
        <v>464</v>
      </c>
      <c r="BY2" s="1" t="s">
        <v>465</v>
      </c>
      <c r="BZ2" s="1" t="s">
        <v>506</v>
      </c>
    </row>
    <row r="3" spans="1:78" x14ac:dyDescent="0.15">
      <c r="A3" s="1" t="s">
        <v>471</v>
      </c>
      <c r="B3" s="1" t="s">
        <v>472</v>
      </c>
      <c r="C3" s="1"/>
      <c r="D3" s="1"/>
      <c r="E3" s="1"/>
      <c r="F3" s="1" t="s">
        <v>473</v>
      </c>
      <c r="G3" s="1" t="s">
        <v>473</v>
      </c>
      <c r="H3" s="1" t="s">
        <v>474</v>
      </c>
      <c r="I3" s="1" t="s">
        <v>24</v>
      </c>
      <c r="J3" s="1" t="s">
        <v>475</v>
      </c>
      <c r="K3" s="1" t="s">
        <v>475</v>
      </c>
      <c r="L3" s="1" t="s">
        <v>476</v>
      </c>
      <c r="M3" s="1" t="s">
        <v>47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49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07</v>
      </c>
      <c r="BP3" s="1" t="s">
        <v>25</v>
      </c>
      <c r="BQ3" s="1" t="s">
        <v>508</v>
      </c>
      <c r="BR3" s="1" t="s">
        <v>25</v>
      </c>
      <c r="BS3" s="1" t="s">
        <v>25</v>
      </c>
      <c r="BT3" s="1" t="s">
        <v>51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888888888888889</v>
      </c>
      <c r="C4" s="1" t="s">
        <v>477</v>
      </c>
      <c r="D4" s="1" t="s">
        <v>264</v>
      </c>
      <c r="E4" s="1" t="s">
        <v>68</v>
      </c>
      <c r="F4" s="1" t="s">
        <v>388</v>
      </c>
      <c r="G4" s="1" t="s">
        <v>378</v>
      </c>
      <c r="H4" s="1" t="s">
        <v>202</v>
      </c>
      <c r="I4" s="1" t="s">
        <v>389</v>
      </c>
      <c r="J4" s="1" t="s">
        <v>313</v>
      </c>
      <c r="K4" s="1" t="s">
        <v>99</v>
      </c>
      <c r="L4" s="1" t="s">
        <v>32</v>
      </c>
      <c r="N4" s="1" t="s">
        <v>33</v>
      </c>
      <c r="O4" s="1" t="s">
        <v>34</v>
      </c>
      <c r="P4" s="1" t="s">
        <v>35</v>
      </c>
      <c r="Q4" s="1" t="s">
        <v>55</v>
      </c>
      <c r="R4" s="1" t="s">
        <v>88</v>
      </c>
      <c r="S4" s="1" t="s">
        <v>37</v>
      </c>
      <c r="T4" s="1" t="s">
        <v>196</v>
      </c>
      <c r="U4" s="1">
        <v>10</v>
      </c>
      <c r="V4" s="3">
        <v>4900</v>
      </c>
      <c r="W4" s="1"/>
      <c r="X4" s="1">
        <v>1.1000000000000001</v>
      </c>
      <c r="Y4" s="1">
        <v>3.3000000000000002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493</v>
      </c>
      <c r="BC4" s="1">
        <v>1</v>
      </c>
      <c r="BD4" s="1">
        <v>1</v>
      </c>
      <c r="BE4" s="1"/>
      <c r="BF4" s="1"/>
      <c r="BG4" s="1"/>
      <c r="BH4" s="1"/>
      <c r="BI4" s="1"/>
      <c r="BJ4" s="1"/>
      <c r="BK4" s="1"/>
      <c r="BL4" s="1"/>
      <c r="BM4" s="1" t="s">
        <v>509</v>
      </c>
      <c r="BN4" s="1">
        <v>3.1E-2</v>
      </c>
      <c r="BO4" s="1">
        <v>10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267</v>
      </c>
      <c r="B5" s="2">
        <v>0.42708333333333331</v>
      </c>
      <c r="C5" s="1" t="s">
        <v>477</v>
      </c>
      <c r="D5" s="1" t="s">
        <v>67</v>
      </c>
      <c r="E5" s="1" t="s">
        <v>68</v>
      </c>
      <c r="F5" s="1" t="s">
        <v>350</v>
      </c>
      <c r="G5" s="1" t="s">
        <v>390</v>
      </c>
      <c r="H5" s="1" t="s">
        <v>256</v>
      </c>
      <c r="I5" s="1" t="s">
        <v>73</v>
      </c>
      <c r="J5" s="1" t="s">
        <v>72</v>
      </c>
      <c r="K5" s="1" t="s">
        <v>230</v>
      </c>
      <c r="L5" s="1" t="s">
        <v>32</v>
      </c>
      <c r="N5" s="1" t="s">
        <v>33</v>
      </c>
      <c r="O5" s="1" t="s">
        <v>34</v>
      </c>
      <c r="P5" s="1" t="s">
        <v>35</v>
      </c>
      <c r="Q5" s="1" t="s">
        <v>63</v>
      </c>
      <c r="R5" s="1" t="s">
        <v>135</v>
      </c>
      <c r="S5" s="1" t="s">
        <v>179</v>
      </c>
      <c r="U5" s="1">
        <v>10.4</v>
      </c>
      <c r="V5" s="1"/>
      <c r="W5" s="1"/>
      <c r="X5" s="1">
        <v>0.82</v>
      </c>
      <c r="Y5" s="1">
        <v>2.3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493</v>
      </c>
      <c r="BC5" s="1">
        <v>0.63</v>
      </c>
      <c r="BD5" s="1">
        <v>0.68</v>
      </c>
      <c r="BE5" s="1"/>
      <c r="BF5" s="1"/>
      <c r="BG5" s="1"/>
      <c r="BH5" s="1"/>
      <c r="BI5" s="1"/>
      <c r="BJ5" s="1"/>
      <c r="BK5" s="1"/>
      <c r="BL5" s="1"/>
      <c r="BM5" s="1" t="s">
        <v>509</v>
      </c>
      <c r="BN5" s="1">
        <v>1.4999999999999999E-2</v>
      </c>
      <c r="BO5" s="1">
        <v>9</v>
      </c>
      <c r="BP5" s="1">
        <v>3.6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70</v>
      </c>
      <c r="B6" s="2">
        <v>0.35069444444444442</v>
      </c>
      <c r="C6" s="1" t="s">
        <v>477</v>
      </c>
      <c r="D6" s="1" t="s">
        <v>67</v>
      </c>
      <c r="E6" s="1" t="s">
        <v>68</v>
      </c>
      <c r="F6" s="1" t="s">
        <v>391</v>
      </c>
      <c r="G6" s="1" t="s">
        <v>390</v>
      </c>
      <c r="H6" s="1" t="s">
        <v>309</v>
      </c>
      <c r="I6" s="1" t="s">
        <v>157</v>
      </c>
      <c r="J6" s="1" t="s">
        <v>313</v>
      </c>
      <c r="K6" s="1" t="s">
        <v>341</v>
      </c>
      <c r="L6" s="1" t="s">
        <v>32</v>
      </c>
      <c r="N6" s="1" t="s">
        <v>33</v>
      </c>
      <c r="O6" s="1" t="s">
        <v>34</v>
      </c>
      <c r="P6" s="1" t="s">
        <v>35</v>
      </c>
      <c r="Q6" s="1" t="s">
        <v>55</v>
      </c>
      <c r="R6" s="1" t="s">
        <v>88</v>
      </c>
      <c r="S6" s="1" t="s">
        <v>192</v>
      </c>
      <c r="T6" s="1" t="s">
        <v>76</v>
      </c>
      <c r="U6" s="1">
        <v>10.199999999999999</v>
      </c>
      <c r="V6" s="3">
        <v>7900</v>
      </c>
      <c r="W6" s="1"/>
      <c r="X6" s="1">
        <v>1.1000000000000001</v>
      </c>
      <c r="Y6" s="1">
        <v>3.3000000000000002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493</v>
      </c>
      <c r="BC6" s="1">
        <v>0.94</v>
      </c>
      <c r="BD6" s="1">
        <v>0.99</v>
      </c>
      <c r="BE6" s="1"/>
      <c r="BF6" s="1"/>
      <c r="BG6" s="1"/>
      <c r="BH6" s="1"/>
      <c r="BI6" s="1"/>
      <c r="BJ6" s="1"/>
      <c r="BK6" s="1"/>
      <c r="BL6" s="1"/>
      <c r="BM6" s="1" t="s">
        <v>509</v>
      </c>
      <c r="BN6" s="1">
        <v>2.8000000000000001E-2</v>
      </c>
      <c r="BO6" s="1">
        <v>10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22</v>
      </c>
      <c r="B7" s="2">
        <v>0.33888888888888885</v>
      </c>
      <c r="C7" s="1" t="s">
        <v>477</v>
      </c>
      <c r="D7" s="1" t="s">
        <v>40</v>
      </c>
      <c r="E7" s="1" t="s">
        <v>68</v>
      </c>
      <c r="F7" s="1" t="s">
        <v>123</v>
      </c>
      <c r="G7" s="1" t="s">
        <v>280</v>
      </c>
      <c r="H7" s="1" t="s">
        <v>392</v>
      </c>
      <c r="I7" s="1" t="s">
        <v>157</v>
      </c>
      <c r="J7" s="1" t="s">
        <v>308</v>
      </c>
      <c r="K7" s="1" t="s">
        <v>392</v>
      </c>
      <c r="L7" s="1" t="s">
        <v>32</v>
      </c>
      <c r="N7" s="1" t="s">
        <v>33</v>
      </c>
      <c r="O7" s="1" t="s">
        <v>34</v>
      </c>
      <c r="P7" s="1" t="s">
        <v>35</v>
      </c>
      <c r="Q7" s="1" t="s">
        <v>55</v>
      </c>
      <c r="R7" s="1" t="s">
        <v>74</v>
      </c>
      <c r="S7" s="1" t="s">
        <v>75</v>
      </c>
      <c r="U7" s="1">
        <v>9.9</v>
      </c>
      <c r="V7" s="1"/>
      <c r="W7" s="1"/>
      <c r="X7" s="1">
        <v>1.1000000000000001</v>
      </c>
      <c r="Y7" s="1">
        <v>3.3000000000000002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494</v>
      </c>
      <c r="AV7" s="1" t="s">
        <v>492</v>
      </c>
      <c r="AW7" s="1" t="s">
        <v>492</v>
      </c>
      <c r="AX7" s="1"/>
      <c r="AY7" s="1"/>
      <c r="AZ7" s="1"/>
      <c r="BA7" s="1"/>
      <c r="BB7" s="1" t="s">
        <v>493</v>
      </c>
      <c r="BC7" s="1">
        <v>0.94</v>
      </c>
      <c r="BD7" s="1">
        <v>0.99</v>
      </c>
      <c r="BE7" s="1"/>
      <c r="BF7" s="1"/>
      <c r="BG7" s="1"/>
      <c r="BH7" s="1"/>
      <c r="BI7" s="1"/>
      <c r="BJ7" s="1"/>
      <c r="BK7" s="1" t="s">
        <v>494</v>
      </c>
      <c r="BL7" s="1"/>
      <c r="BM7" s="1" t="s">
        <v>509</v>
      </c>
      <c r="BN7" s="1">
        <v>0.03</v>
      </c>
      <c r="BO7" s="1">
        <v>1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75</v>
      </c>
      <c r="B8" s="2">
        <v>0.3263888888888889</v>
      </c>
      <c r="C8" s="1" t="s">
        <v>477</v>
      </c>
      <c r="D8" s="1" t="s">
        <v>40</v>
      </c>
      <c r="E8" s="1" t="s">
        <v>68</v>
      </c>
      <c r="F8" s="1" t="s">
        <v>393</v>
      </c>
      <c r="G8" s="1" t="s">
        <v>347</v>
      </c>
      <c r="H8" s="1" t="s">
        <v>72</v>
      </c>
      <c r="I8" s="1" t="s">
        <v>394</v>
      </c>
      <c r="J8" s="1" t="s">
        <v>308</v>
      </c>
      <c r="K8" s="1" t="s">
        <v>392</v>
      </c>
      <c r="L8" s="1" t="s">
        <v>32</v>
      </c>
      <c r="N8" s="1" t="s">
        <v>33</v>
      </c>
      <c r="O8" s="1" t="s">
        <v>34</v>
      </c>
      <c r="P8" s="1" t="s">
        <v>35</v>
      </c>
      <c r="Q8" s="1" t="s">
        <v>63</v>
      </c>
      <c r="R8" s="1" t="s">
        <v>135</v>
      </c>
      <c r="S8" s="1" t="s">
        <v>210</v>
      </c>
      <c r="T8" s="1" t="s">
        <v>196</v>
      </c>
      <c r="U8" s="1">
        <v>9.8000000000000007</v>
      </c>
      <c r="V8" s="3">
        <v>7000</v>
      </c>
      <c r="W8" s="1" t="s">
        <v>497</v>
      </c>
      <c r="X8" s="1">
        <v>0.97</v>
      </c>
      <c r="Y8" s="1">
        <v>2.7E-2</v>
      </c>
      <c r="Z8" s="1">
        <v>1.1000000000000001E-3</v>
      </c>
      <c r="AA8" s="1" t="s">
        <v>522</v>
      </c>
      <c r="AB8" s="1" t="s">
        <v>527</v>
      </c>
      <c r="AC8" s="1" t="s">
        <v>492</v>
      </c>
      <c r="AD8" s="1" t="s">
        <v>493</v>
      </c>
      <c r="AE8" s="1" t="s">
        <v>494</v>
      </c>
      <c r="AF8" s="1" t="s">
        <v>495</v>
      </c>
      <c r="AG8" s="1">
        <v>5.0000000000000001E-4</v>
      </c>
      <c r="AH8" s="1" t="s">
        <v>494</v>
      </c>
      <c r="AI8" s="1"/>
      <c r="AJ8" s="1" t="s">
        <v>494</v>
      </c>
      <c r="AK8" s="1" t="s">
        <v>498</v>
      </c>
      <c r="AL8" s="1" t="s">
        <v>498</v>
      </c>
      <c r="AM8" s="1" t="s">
        <v>498</v>
      </c>
      <c r="AN8" s="1" t="s">
        <v>498</v>
      </c>
      <c r="AO8" s="1" t="s">
        <v>498</v>
      </c>
      <c r="AP8" t="s">
        <v>498</v>
      </c>
      <c r="AQ8" s="1" t="s">
        <v>498</v>
      </c>
      <c r="AR8" s="1" t="s">
        <v>498</v>
      </c>
      <c r="AS8" s="1" t="s">
        <v>498</v>
      </c>
      <c r="AT8" s="1" t="s">
        <v>496</v>
      </c>
      <c r="AU8" s="1"/>
      <c r="AV8" s="1"/>
      <c r="AW8" s="1"/>
      <c r="AX8" s="1" t="s">
        <v>498</v>
      </c>
      <c r="AY8" s="1" t="s">
        <v>494</v>
      </c>
      <c r="AZ8" s="1" t="s">
        <v>502</v>
      </c>
      <c r="BA8" s="1">
        <v>1.2E-2</v>
      </c>
      <c r="BB8" s="1" t="s">
        <v>493</v>
      </c>
      <c r="BC8" s="1">
        <v>0.92</v>
      </c>
      <c r="BD8" s="1">
        <v>0.97</v>
      </c>
      <c r="BE8" s="1" t="s">
        <v>504</v>
      </c>
      <c r="BF8" s="1"/>
      <c r="BG8" s="1"/>
      <c r="BH8" s="1"/>
      <c r="BI8" s="1"/>
      <c r="BJ8" s="1"/>
      <c r="BK8" s="1"/>
      <c r="BL8" s="1"/>
      <c r="BM8" s="1" t="s">
        <v>509</v>
      </c>
      <c r="BN8" s="1">
        <v>2.5000000000000001E-2</v>
      </c>
      <c r="BO8" s="1">
        <v>10</v>
      </c>
      <c r="BP8" s="1">
        <v>5.8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78</v>
      </c>
      <c r="B9" s="2">
        <v>0.34375</v>
      </c>
      <c r="C9" s="1" t="s">
        <v>477</v>
      </c>
      <c r="D9" s="1" t="s">
        <v>40</v>
      </c>
      <c r="E9" s="1" t="s">
        <v>68</v>
      </c>
      <c r="F9" s="1" t="s">
        <v>395</v>
      </c>
      <c r="G9" s="1" t="s">
        <v>60</v>
      </c>
      <c r="H9" s="1" t="s">
        <v>309</v>
      </c>
      <c r="I9" s="1" t="s">
        <v>396</v>
      </c>
      <c r="J9" s="1" t="s">
        <v>308</v>
      </c>
      <c r="K9" s="1" t="s">
        <v>397</v>
      </c>
      <c r="L9" s="1" t="s">
        <v>32</v>
      </c>
      <c r="N9" s="1" t="s">
        <v>33</v>
      </c>
      <c r="O9" s="1" t="s">
        <v>34</v>
      </c>
      <c r="P9" s="1" t="s">
        <v>35</v>
      </c>
      <c r="Q9" s="1" t="s">
        <v>55</v>
      </c>
      <c r="R9" s="1" t="s">
        <v>210</v>
      </c>
      <c r="S9" s="1" t="s">
        <v>210</v>
      </c>
      <c r="U9" s="1">
        <v>9.6</v>
      </c>
      <c r="V9" s="1"/>
      <c r="W9" s="1"/>
      <c r="X9" s="1">
        <v>1.1000000000000001</v>
      </c>
      <c r="Y9" s="1">
        <v>2.9000000000000001E-2</v>
      </c>
      <c r="Z9" s="1"/>
      <c r="AA9" s="1" t="s">
        <v>525</v>
      </c>
      <c r="AB9" s="1" t="s">
        <v>525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493</v>
      </c>
      <c r="BC9" s="1">
        <v>0.97</v>
      </c>
      <c r="BD9" s="1">
        <v>1</v>
      </c>
      <c r="BE9" s="1" t="s">
        <v>525</v>
      </c>
      <c r="BF9" s="1"/>
      <c r="BG9" s="1"/>
      <c r="BH9" s="1"/>
      <c r="BI9" s="1"/>
      <c r="BJ9" s="1"/>
      <c r="BK9" s="1"/>
      <c r="BL9" s="1"/>
      <c r="BM9" s="1" t="s">
        <v>509</v>
      </c>
      <c r="BN9" s="1">
        <v>2.4E-2</v>
      </c>
      <c r="BO9" s="1">
        <v>1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79</v>
      </c>
      <c r="B10" s="2">
        <v>0.33819444444444446</v>
      </c>
      <c r="C10" s="1" t="s">
        <v>477</v>
      </c>
      <c r="D10" s="1" t="s">
        <v>67</v>
      </c>
      <c r="E10" s="1" t="s">
        <v>68</v>
      </c>
      <c r="F10" s="1" t="s">
        <v>306</v>
      </c>
      <c r="G10" s="1" t="s">
        <v>61</v>
      </c>
      <c r="H10" s="1" t="s">
        <v>314</v>
      </c>
      <c r="I10" s="1" t="s">
        <v>192</v>
      </c>
      <c r="J10" s="1" t="s">
        <v>72</v>
      </c>
      <c r="K10" s="1" t="s">
        <v>218</v>
      </c>
      <c r="L10" s="1" t="s">
        <v>32</v>
      </c>
      <c r="N10" s="1" t="s">
        <v>282</v>
      </c>
      <c r="O10" s="1" t="s">
        <v>34</v>
      </c>
      <c r="P10" s="1" t="s">
        <v>35</v>
      </c>
      <c r="Q10" s="1" t="s">
        <v>161</v>
      </c>
      <c r="R10" s="1" t="s">
        <v>74</v>
      </c>
      <c r="S10" s="1" t="s">
        <v>105</v>
      </c>
      <c r="T10" s="1" t="s">
        <v>39</v>
      </c>
      <c r="U10" s="1">
        <v>10.7</v>
      </c>
      <c r="V10" s="3">
        <v>7900</v>
      </c>
      <c r="W10" s="1"/>
      <c r="X10" s="1">
        <v>1</v>
      </c>
      <c r="Y10" s="1">
        <v>2.1000000000000001E-2</v>
      </c>
      <c r="Z10" s="1"/>
      <c r="AA10" s="1" t="s">
        <v>525</v>
      </c>
      <c r="AB10" s="1" t="s">
        <v>525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493</v>
      </c>
      <c r="BC10" s="1">
        <v>0.96</v>
      </c>
      <c r="BD10" s="1">
        <v>1</v>
      </c>
      <c r="BE10" s="1" t="s">
        <v>525</v>
      </c>
      <c r="BF10" s="1" t="s">
        <v>504</v>
      </c>
      <c r="BG10" s="1">
        <v>1.9E-3</v>
      </c>
      <c r="BH10" s="1" t="s">
        <v>495</v>
      </c>
      <c r="BI10" s="1" t="s">
        <v>493</v>
      </c>
      <c r="BJ10" s="1" t="s">
        <v>504</v>
      </c>
      <c r="BK10" s="1"/>
      <c r="BL10" s="1" t="s">
        <v>511</v>
      </c>
      <c r="BM10" s="1" t="s">
        <v>509</v>
      </c>
      <c r="BN10" s="1">
        <v>0.02</v>
      </c>
      <c r="BO10" s="1">
        <v>28</v>
      </c>
      <c r="BP10" s="1"/>
      <c r="BQ10" s="1"/>
      <c r="BR10" s="1" t="s">
        <v>510</v>
      </c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6</v>
      </c>
      <c r="B11" s="2">
        <v>0.33333333333333331</v>
      </c>
      <c r="C11" s="1" t="s">
        <v>477</v>
      </c>
      <c r="D11" s="1" t="s">
        <v>67</v>
      </c>
      <c r="E11" s="1" t="s">
        <v>68</v>
      </c>
      <c r="F11" s="1" t="s">
        <v>115</v>
      </c>
      <c r="G11" s="1" t="s">
        <v>253</v>
      </c>
      <c r="H11" s="1" t="s">
        <v>72</v>
      </c>
      <c r="I11" s="1" t="s">
        <v>109</v>
      </c>
      <c r="J11" s="1" t="s">
        <v>132</v>
      </c>
      <c r="K11" s="1" t="s">
        <v>227</v>
      </c>
      <c r="L11" s="1" t="s">
        <v>32</v>
      </c>
      <c r="N11" s="1" t="s">
        <v>33</v>
      </c>
      <c r="O11" s="1" t="s">
        <v>34</v>
      </c>
      <c r="P11" s="1" t="s">
        <v>35</v>
      </c>
      <c r="Q11" s="1" t="s">
        <v>55</v>
      </c>
      <c r="R11" s="1" t="s">
        <v>88</v>
      </c>
      <c r="S11" s="1" t="s">
        <v>179</v>
      </c>
      <c r="U11" s="1">
        <v>10.4</v>
      </c>
      <c r="V11" s="1"/>
      <c r="W11" s="1"/>
      <c r="X11" s="1">
        <v>1</v>
      </c>
      <c r="Y11" s="1">
        <v>0.03</v>
      </c>
      <c r="Z11" s="1"/>
      <c r="AA11" s="1" t="s">
        <v>525</v>
      </c>
      <c r="AB11" s="1" t="s">
        <v>525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493</v>
      </c>
      <c r="BC11" s="1">
        <v>0.98</v>
      </c>
      <c r="BD11" s="1">
        <v>1</v>
      </c>
      <c r="BE11" s="1" t="s">
        <v>525</v>
      </c>
      <c r="BF11" s="1"/>
      <c r="BG11" s="1"/>
      <c r="BH11" s="1"/>
      <c r="BI11" s="1"/>
      <c r="BJ11" s="1"/>
      <c r="BK11" s="1"/>
      <c r="BL11" s="1"/>
      <c r="BM11" s="1" t="s">
        <v>509</v>
      </c>
      <c r="BN11" s="1">
        <v>2.3E-2</v>
      </c>
      <c r="BO11" s="1">
        <v>10</v>
      </c>
      <c r="BP11" s="1">
        <v>6.2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11</v>
      </c>
      <c r="B12" s="2">
        <v>0.33333333333333331</v>
      </c>
      <c r="C12" s="1" t="s">
        <v>477</v>
      </c>
      <c r="D12" s="1" t="s">
        <v>67</v>
      </c>
      <c r="E12" s="1" t="s">
        <v>398</v>
      </c>
      <c r="F12" s="1" t="s">
        <v>201</v>
      </c>
      <c r="G12" s="1" t="s">
        <v>399</v>
      </c>
      <c r="H12" s="1" t="s">
        <v>256</v>
      </c>
      <c r="I12" s="1" t="s">
        <v>218</v>
      </c>
      <c r="J12" s="1" t="s">
        <v>313</v>
      </c>
      <c r="K12" s="1" t="s">
        <v>344</v>
      </c>
      <c r="L12" s="1" t="s">
        <v>32</v>
      </c>
      <c r="N12" s="1" t="s">
        <v>33</v>
      </c>
      <c r="O12" s="1" t="s">
        <v>34</v>
      </c>
      <c r="P12" s="1" t="s">
        <v>35</v>
      </c>
      <c r="Q12" s="1" t="s">
        <v>161</v>
      </c>
      <c r="R12" s="1" t="s">
        <v>37</v>
      </c>
      <c r="S12" s="1" t="s">
        <v>243</v>
      </c>
      <c r="T12" s="1" t="s">
        <v>39</v>
      </c>
      <c r="U12" s="1">
        <v>10.3</v>
      </c>
      <c r="V12" s="3">
        <v>11000</v>
      </c>
      <c r="W12" s="1"/>
      <c r="X12" s="1">
        <v>1</v>
      </c>
      <c r="Y12" s="1">
        <v>3.3000000000000002E-2</v>
      </c>
      <c r="Z12" s="1"/>
      <c r="AA12" s="1" t="s">
        <v>525</v>
      </c>
      <c r="AB12" s="1" t="s">
        <v>525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493</v>
      </c>
      <c r="BC12" s="1">
        <v>0.94</v>
      </c>
      <c r="BD12" s="1">
        <v>0.99</v>
      </c>
      <c r="BE12" s="1" t="s">
        <v>525</v>
      </c>
      <c r="BF12" s="1"/>
      <c r="BG12" s="1"/>
      <c r="BH12" s="1"/>
      <c r="BI12" s="1"/>
      <c r="BJ12" s="1"/>
      <c r="BK12" s="1"/>
      <c r="BL12" s="1"/>
      <c r="BM12" s="1" t="s">
        <v>509</v>
      </c>
      <c r="BN12" s="1">
        <v>2.4E-2</v>
      </c>
      <c r="BO12" s="1">
        <v>10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228</v>
      </c>
      <c r="B13" s="2">
        <v>0.33333333333333331</v>
      </c>
      <c r="C13" s="1" t="s">
        <v>477</v>
      </c>
      <c r="D13" s="1" t="s">
        <v>288</v>
      </c>
      <c r="E13" s="1" t="s">
        <v>68</v>
      </c>
      <c r="F13" s="1" t="s">
        <v>55</v>
      </c>
      <c r="G13" s="1" t="s">
        <v>400</v>
      </c>
      <c r="H13" s="1" t="s">
        <v>401</v>
      </c>
      <c r="I13" s="1" t="s">
        <v>402</v>
      </c>
      <c r="J13" s="1" t="s">
        <v>146</v>
      </c>
      <c r="K13" s="1" t="s">
        <v>403</v>
      </c>
      <c r="L13" s="1" t="s">
        <v>32</v>
      </c>
      <c r="N13" s="1" t="s">
        <v>33</v>
      </c>
      <c r="O13" s="1" t="s">
        <v>34</v>
      </c>
      <c r="P13" s="1" t="s">
        <v>35</v>
      </c>
      <c r="Q13" s="1" t="s">
        <v>161</v>
      </c>
      <c r="R13" s="1" t="s">
        <v>210</v>
      </c>
      <c r="S13" s="1" t="s">
        <v>179</v>
      </c>
      <c r="U13" s="1">
        <v>11.1</v>
      </c>
      <c r="V13" s="1"/>
      <c r="W13" s="1"/>
      <c r="X13" s="1">
        <v>1.2</v>
      </c>
      <c r="Y13" s="1">
        <v>3.4000000000000002E-2</v>
      </c>
      <c r="Z13" s="1"/>
      <c r="AA13" s="1" t="s">
        <v>525</v>
      </c>
      <c r="AB13" s="1" t="s">
        <v>525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1.1000000000000001</v>
      </c>
      <c r="BD13" s="1">
        <v>1.1000000000000001</v>
      </c>
      <c r="BE13" s="1" t="s">
        <v>525</v>
      </c>
      <c r="BF13" s="1"/>
      <c r="BG13" s="1"/>
      <c r="BH13" s="1"/>
      <c r="BI13" s="1"/>
      <c r="BJ13" s="1"/>
      <c r="BK13" s="1"/>
      <c r="BL13" s="1"/>
      <c r="BM13" s="1" t="s">
        <v>509</v>
      </c>
      <c r="BN13" s="1">
        <v>2.8000000000000001E-2</v>
      </c>
      <c r="BO13" s="1">
        <v>11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90</v>
      </c>
      <c r="B14" s="2">
        <v>0.33333333333333331</v>
      </c>
      <c r="C14" s="1" t="s">
        <v>477</v>
      </c>
      <c r="D14" s="1" t="s">
        <v>40</v>
      </c>
      <c r="E14" s="1" t="s">
        <v>482</v>
      </c>
      <c r="F14" s="1" t="s">
        <v>55</v>
      </c>
      <c r="G14" s="1" t="s">
        <v>242</v>
      </c>
      <c r="H14" s="1" t="s">
        <v>404</v>
      </c>
      <c r="I14" s="1" t="s">
        <v>43</v>
      </c>
      <c r="J14" s="1" t="s">
        <v>308</v>
      </c>
      <c r="K14" s="1" t="s">
        <v>309</v>
      </c>
      <c r="L14" s="1" t="s">
        <v>32</v>
      </c>
      <c r="N14" s="1" t="s">
        <v>33</v>
      </c>
      <c r="O14" s="1" t="s">
        <v>34</v>
      </c>
      <c r="P14" s="1" t="s">
        <v>35</v>
      </c>
      <c r="Q14" s="1" t="s">
        <v>405</v>
      </c>
      <c r="R14" s="1" t="s">
        <v>210</v>
      </c>
      <c r="S14" s="1" t="s">
        <v>179</v>
      </c>
      <c r="T14" s="1" t="s">
        <v>231</v>
      </c>
      <c r="U14" s="1">
        <v>10.8</v>
      </c>
      <c r="V14" s="3">
        <v>4900</v>
      </c>
      <c r="W14" s="1" t="s">
        <v>497</v>
      </c>
      <c r="X14" s="1">
        <v>1.1000000000000001</v>
      </c>
      <c r="Y14" s="1">
        <v>3.7999999999999999E-2</v>
      </c>
      <c r="Z14" s="1">
        <v>2.3999999999999998E-3</v>
      </c>
      <c r="AA14" s="1" t="s">
        <v>522</v>
      </c>
      <c r="AB14" s="1" t="s">
        <v>528</v>
      </c>
      <c r="AC14" s="1" t="s">
        <v>492</v>
      </c>
      <c r="AD14" s="1" t="s">
        <v>493</v>
      </c>
      <c r="AE14" s="1" t="s">
        <v>494</v>
      </c>
      <c r="AF14" s="1" t="s">
        <v>495</v>
      </c>
      <c r="AG14" s="1">
        <v>5.9999999999999995E-4</v>
      </c>
      <c r="AH14" s="1" t="s">
        <v>494</v>
      </c>
      <c r="AI14" s="1"/>
      <c r="AJ14" s="1" t="s">
        <v>494</v>
      </c>
      <c r="AK14" s="1" t="s">
        <v>498</v>
      </c>
      <c r="AL14" s="1" t="s">
        <v>498</v>
      </c>
      <c r="AM14" s="1" t="s">
        <v>498</v>
      </c>
      <c r="AN14" s="1" t="s">
        <v>498</v>
      </c>
      <c r="AO14" s="1" t="s">
        <v>498</v>
      </c>
      <c r="AP14" t="s">
        <v>498</v>
      </c>
      <c r="AQ14" s="1" t="s">
        <v>498</v>
      </c>
      <c r="AR14" s="1" t="s">
        <v>498</v>
      </c>
      <c r="AS14" s="1" t="s">
        <v>498</v>
      </c>
      <c r="AT14" s="1" t="s">
        <v>496</v>
      </c>
      <c r="AU14" s="1"/>
      <c r="AV14" s="1"/>
      <c r="AW14" s="1"/>
      <c r="AX14" s="1" t="s">
        <v>498</v>
      </c>
      <c r="AY14" s="1" t="s">
        <v>494</v>
      </c>
      <c r="AZ14" s="1" t="s">
        <v>502</v>
      </c>
      <c r="BA14" s="1">
        <v>1.4E-2</v>
      </c>
      <c r="BB14" s="1" t="s">
        <v>493</v>
      </c>
      <c r="BC14" s="1">
        <v>1</v>
      </c>
      <c r="BD14" s="1">
        <v>1</v>
      </c>
      <c r="BE14" s="1" t="s">
        <v>504</v>
      </c>
      <c r="BF14" s="1"/>
      <c r="BG14" s="1"/>
      <c r="BH14" s="1"/>
      <c r="BI14" s="1"/>
      <c r="BJ14" s="1"/>
      <c r="BK14" s="1"/>
      <c r="BL14" s="1"/>
      <c r="BM14" s="1" t="s">
        <v>509</v>
      </c>
      <c r="BN14" s="1">
        <v>3.1E-2</v>
      </c>
      <c r="BO14" s="1">
        <v>11</v>
      </c>
      <c r="BP14" s="1">
        <v>5.8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48</v>
      </c>
      <c r="B15" s="2">
        <v>0.33333333333333331</v>
      </c>
      <c r="C15" s="1" t="s">
        <v>477</v>
      </c>
      <c r="D15" s="1" t="s">
        <v>40</v>
      </c>
      <c r="E15" s="1" t="s">
        <v>483</v>
      </c>
      <c r="F15" s="1" t="s">
        <v>406</v>
      </c>
      <c r="G15" s="1" t="s">
        <v>407</v>
      </c>
      <c r="H15" s="1" t="s">
        <v>72</v>
      </c>
      <c r="I15" s="1" t="s">
        <v>408</v>
      </c>
      <c r="J15" s="1" t="s">
        <v>308</v>
      </c>
      <c r="K15" s="1" t="s">
        <v>160</v>
      </c>
      <c r="L15" s="1" t="s">
        <v>32</v>
      </c>
      <c r="N15" s="1" t="s">
        <v>33</v>
      </c>
      <c r="O15" s="1" t="s">
        <v>34</v>
      </c>
      <c r="P15" s="1" t="s">
        <v>35</v>
      </c>
      <c r="Q15" s="1" t="s">
        <v>161</v>
      </c>
      <c r="R15" s="1" t="s">
        <v>210</v>
      </c>
      <c r="S15" s="1" t="s">
        <v>210</v>
      </c>
      <c r="U15" s="1">
        <v>10.7</v>
      </c>
      <c r="V15" s="1"/>
      <c r="W15" s="1"/>
      <c r="X15" s="1">
        <v>1.2</v>
      </c>
      <c r="Y15" s="1">
        <v>4.2000000000000003E-2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494</v>
      </c>
      <c r="AV15" s="1" t="s">
        <v>492</v>
      </c>
      <c r="AW15" s="1" t="s">
        <v>492</v>
      </c>
      <c r="AX15" s="1"/>
      <c r="AY15" s="1"/>
      <c r="AZ15" s="1"/>
      <c r="BA15" s="1"/>
      <c r="BB15" s="1" t="s">
        <v>493</v>
      </c>
      <c r="BC15" s="1">
        <v>1</v>
      </c>
      <c r="BD15" s="1">
        <v>1</v>
      </c>
      <c r="BE15" s="1"/>
      <c r="BF15" s="1"/>
      <c r="BG15" s="1"/>
      <c r="BH15" s="1"/>
      <c r="BI15" s="1"/>
      <c r="BJ15" s="1"/>
      <c r="BK15" s="1"/>
      <c r="BL15" s="1"/>
      <c r="BM15" s="1" t="s">
        <v>509</v>
      </c>
      <c r="BN15" s="1">
        <v>3.1E-2</v>
      </c>
      <c r="BO15" s="1">
        <v>11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46" spans="21:21" x14ac:dyDescent="0.15">
      <c r="U146" s="1"/>
    </row>
    <row r="147" spans="21:21" x14ac:dyDescent="0.15">
      <c r="U147" s="1"/>
    </row>
    <row r="148" spans="21:21" x14ac:dyDescent="0.15">
      <c r="U148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2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87</v>
      </c>
      <c r="C1" s="1" t="s">
        <v>1</v>
      </c>
      <c r="D1" s="1" t="s">
        <v>488</v>
      </c>
      <c r="E1" s="1" t="s">
        <v>2</v>
      </c>
      <c r="F1" s="1" t="s">
        <v>480</v>
      </c>
      <c r="G1" s="1" t="s">
        <v>3</v>
      </c>
      <c r="H1" s="1" t="s">
        <v>48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0</v>
      </c>
      <c r="V2" s="1" t="s">
        <v>419</v>
      </c>
      <c r="W2" s="1" t="s">
        <v>489</v>
      </c>
      <c r="X2" s="1" t="s">
        <v>420</v>
      </c>
      <c r="Y2" s="1" t="s">
        <v>421</v>
      </c>
      <c r="Z2" s="1" t="s">
        <v>422</v>
      </c>
      <c r="AA2" s="1" t="s">
        <v>517</v>
      </c>
      <c r="AB2" s="1" t="s">
        <v>521</v>
      </c>
      <c r="AC2" s="1" t="s">
        <v>423</v>
      </c>
      <c r="AD2" s="1" t="s">
        <v>424</v>
      </c>
      <c r="AE2" s="1" t="s">
        <v>490</v>
      </c>
      <c r="AF2" s="1" t="s">
        <v>425</v>
      </c>
      <c r="AG2" s="1" t="s">
        <v>426</v>
      </c>
      <c r="AH2" s="1" t="s">
        <v>427</v>
      </c>
      <c r="AI2" s="1" t="s">
        <v>428</v>
      </c>
      <c r="AJ2" s="1" t="s">
        <v>429</v>
      </c>
      <c r="AK2" s="1" t="s">
        <v>430</v>
      </c>
      <c r="AL2" s="1" t="s">
        <v>431</v>
      </c>
      <c r="AM2" s="1" t="s">
        <v>432</v>
      </c>
      <c r="AN2" s="1" t="s">
        <v>433</v>
      </c>
      <c r="AO2" s="1" t="s">
        <v>434</v>
      </c>
      <c r="AP2" t="s">
        <v>512</v>
      </c>
      <c r="AQ2" s="1" t="s">
        <v>435</v>
      </c>
      <c r="AR2" s="1" t="s">
        <v>436</v>
      </c>
      <c r="AS2" s="1" t="s">
        <v>437</v>
      </c>
      <c r="AT2" s="1" t="s">
        <v>499</v>
      </c>
      <c r="AU2" s="1" t="s">
        <v>438</v>
      </c>
      <c r="AV2" s="1" t="s">
        <v>439</v>
      </c>
      <c r="AW2" s="1" t="s">
        <v>440</v>
      </c>
      <c r="AX2" s="1" t="s">
        <v>441</v>
      </c>
      <c r="AY2" s="1" t="s">
        <v>442</v>
      </c>
      <c r="AZ2" s="1" t="s">
        <v>443</v>
      </c>
      <c r="BA2" s="1" t="s">
        <v>444</v>
      </c>
      <c r="BB2" s="1" t="s">
        <v>445</v>
      </c>
      <c r="BC2" s="1" t="s">
        <v>446</v>
      </c>
      <c r="BD2" s="1" t="s">
        <v>447</v>
      </c>
      <c r="BE2" s="1" t="s">
        <v>514</v>
      </c>
      <c r="BF2" s="1" t="s">
        <v>448</v>
      </c>
      <c r="BG2" s="1" t="s">
        <v>500</v>
      </c>
      <c r="BH2" s="1" t="s">
        <v>501</v>
      </c>
      <c r="BI2" s="1" t="s">
        <v>449</v>
      </c>
      <c r="BJ2" s="1" t="s">
        <v>450</v>
      </c>
      <c r="BK2" s="1" t="s">
        <v>451</v>
      </c>
      <c r="BL2" s="1" t="s">
        <v>452</v>
      </c>
      <c r="BM2" s="1" t="s">
        <v>453</v>
      </c>
      <c r="BN2" s="1" t="s">
        <v>454</v>
      </c>
      <c r="BO2" s="1" t="s">
        <v>455</v>
      </c>
      <c r="BP2" s="1" t="s">
        <v>456</v>
      </c>
      <c r="BQ2" s="1" t="s">
        <v>457</v>
      </c>
      <c r="BR2" s="1" t="s">
        <v>458</v>
      </c>
      <c r="BS2" s="1" t="s">
        <v>459</v>
      </c>
      <c r="BT2" s="1" t="s">
        <v>460</v>
      </c>
      <c r="BU2" s="1" t="s">
        <v>461</v>
      </c>
      <c r="BV2" s="1" t="s">
        <v>462</v>
      </c>
      <c r="BW2" s="1" t="s">
        <v>463</v>
      </c>
      <c r="BX2" s="1" t="s">
        <v>464</v>
      </c>
      <c r="BY2" s="1" t="s">
        <v>465</v>
      </c>
      <c r="BZ2" s="1" t="s">
        <v>506</v>
      </c>
    </row>
    <row r="3" spans="1:78" x14ac:dyDescent="0.15">
      <c r="A3" s="1" t="s">
        <v>471</v>
      </c>
      <c r="B3" s="1" t="s">
        <v>472</v>
      </c>
      <c r="C3" s="1"/>
      <c r="D3" s="1"/>
      <c r="E3" s="1"/>
      <c r="F3" s="1" t="s">
        <v>473</v>
      </c>
      <c r="G3" s="1" t="s">
        <v>473</v>
      </c>
      <c r="H3" s="1" t="s">
        <v>474</v>
      </c>
      <c r="I3" s="1" t="s">
        <v>24</v>
      </c>
      <c r="J3" s="1" t="s">
        <v>475</v>
      </c>
      <c r="K3" s="1" t="s">
        <v>475</v>
      </c>
      <c r="L3" s="1" t="s">
        <v>476</v>
      </c>
      <c r="M3" s="1" t="s">
        <v>47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49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07</v>
      </c>
      <c r="BP3" s="1" t="s">
        <v>25</v>
      </c>
      <c r="BQ3" s="1" t="s">
        <v>508</v>
      </c>
      <c r="BR3" s="1" t="s">
        <v>25</v>
      </c>
      <c r="BS3" s="1" t="s">
        <v>25</v>
      </c>
      <c r="BT3" s="1" t="s">
        <v>51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5416666666666669</v>
      </c>
      <c r="C4" s="1" t="s">
        <v>477</v>
      </c>
      <c r="D4" s="1" t="s">
        <v>40</v>
      </c>
      <c r="E4" s="1" t="s">
        <v>68</v>
      </c>
      <c r="F4" s="1" t="s">
        <v>268</v>
      </c>
      <c r="G4" s="1" t="s">
        <v>377</v>
      </c>
      <c r="H4" s="1" t="s">
        <v>349</v>
      </c>
      <c r="I4" s="1" t="s">
        <v>179</v>
      </c>
      <c r="J4" s="1" t="s">
        <v>313</v>
      </c>
      <c r="K4" s="1" t="s">
        <v>213</v>
      </c>
      <c r="L4" s="1" t="s">
        <v>32</v>
      </c>
      <c r="N4" s="1" t="s">
        <v>33</v>
      </c>
      <c r="O4" s="1" t="s">
        <v>34</v>
      </c>
      <c r="P4" s="1" t="s">
        <v>35</v>
      </c>
      <c r="Q4" s="1" t="s">
        <v>82</v>
      </c>
      <c r="R4" s="1" t="s">
        <v>135</v>
      </c>
      <c r="S4" s="1" t="s">
        <v>192</v>
      </c>
      <c r="T4" s="1" t="s">
        <v>39</v>
      </c>
      <c r="U4" s="1">
        <v>10.9</v>
      </c>
      <c r="V4" s="3">
        <v>4900</v>
      </c>
      <c r="W4" s="1"/>
      <c r="X4" s="1">
        <v>0.7</v>
      </c>
      <c r="Y4" s="1">
        <v>3.5000000000000003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493</v>
      </c>
      <c r="BC4" s="1">
        <v>0.47</v>
      </c>
      <c r="BD4" s="1">
        <v>0.52</v>
      </c>
      <c r="BE4" s="1"/>
      <c r="BF4" s="1"/>
      <c r="BG4" s="1"/>
      <c r="BH4" s="1"/>
      <c r="BI4" s="1"/>
      <c r="BJ4" s="1"/>
      <c r="BK4" s="1"/>
      <c r="BL4" s="1"/>
      <c r="BM4" s="1" t="s">
        <v>509</v>
      </c>
      <c r="BN4" s="1">
        <v>2.9000000000000001E-2</v>
      </c>
      <c r="BO4" s="1">
        <v>26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267</v>
      </c>
      <c r="B5" s="2">
        <v>0.35416666666666669</v>
      </c>
      <c r="C5" s="1" t="s">
        <v>477</v>
      </c>
      <c r="D5" s="1" t="s">
        <v>67</v>
      </c>
      <c r="E5" s="1" t="s">
        <v>68</v>
      </c>
      <c r="F5" s="1" t="s">
        <v>194</v>
      </c>
      <c r="G5" s="1" t="s">
        <v>283</v>
      </c>
      <c r="H5" s="1" t="s">
        <v>133</v>
      </c>
      <c r="I5" s="1" t="s">
        <v>89</v>
      </c>
      <c r="J5" s="1" t="s">
        <v>313</v>
      </c>
      <c r="K5" s="1" t="s">
        <v>341</v>
      </c>
      <c r="L5" s="1" t="s">
        <v>32</v>
      </c>
      <c r="N5" s="1" t="s">
        <v>33</v>
      </c>
      <c r="O5" s="1" t="s">
        <v>34</v>
      </c>
      <c r="P5" s="1" t="s">
        <v>35</v>
      </c>
      <c r="Q5" s="1" t="s">
        <v>82</v>
      </c>
      <c r="R5" s="1" t="s">
        <v>88</v>
      </c>
      <c r="S5" s="1" t="s">
        <v>187</v>
      </c>
      <c r="U5" s="1">
        <v>10.8</v>
      </c>
      <c r="V5" s="1"/>
      <c r="W5" s="1"/>
      <c r="X5" s="1">
        <v>0.62</v>
      </c>
      <c r="Y5" s="1">
        <v>2.5999999999999999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493</v>
      </c>
      <c r="BC5" s="1">
        <v>0.46</v>
      </c>
      <c r="BD5" s="1">
        <v>0.51</v>
      </c>
      <c r="BE5" s="1"/>
      <c r="BF5" s="1"/>
      <c r="BG5" s="1"/>
      <c r="BH5" s="1"/>
      <c r="BI5" s="1"/>
      <c r="BJ5" s="1"/>
      <c r="BK5" s="1"/>
      <c r="BL5" s="1"/>
      <c r="BM5" s="1" t="s">
        <v>509</v>
      </c>
      <c r="BN5" s="1">
        <v>1.7999999999999999E-2</v>
      </c>
      <c r="BO5" s="1">
        <v>22</v>
      </c>
      <c r="BP5" s="1">
        <v>20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70</v>
      </c>
      <c r="B6" s="2">
        <v>0.39027777777777778</v>
      </c>
      <c r="C6" s="1" t="s">
        <v>477</v>
      </c>
      <c r="D6" s="1" t="s">
        <v>67</v>
      </c>
      <c r="E6" s="1" t="s">
        <v>68</v>
      </c>
      <c r="F6" s="1" t="s">
        <v>409</v>
      </c>
      <c r="G6" s="1" t="s">
        <v>97</v>
      </c>
      <c r="H6" s="1" t="s">
        <v>195</v>
      </c>
      <c r="I6" s="1" t="s">
        <v>187</v>
      </c>
      <c r="J6" s="1" t="s">
        <v>308</v>
      </c>
      <c r="K6" s="1" t="s">
        <v>392</v>
      </c>
      <c r="L6" s="1" t="s">
        <v>32</v>
      </c>
      <c r="N6" s="1" t="s">
        <v>33</v>
      </c>
      <c r="O6" s="1" t="s">
        <v>34</v>
      </c>
      <c r="P6" s="1" t="s">
        <v>35</v>
      </c>
      <c r="Q6" s="1" t="s">
        <v>247</v>
      </c>
      <c r="R6" s="1" t="s">
        <v>187</v>
      </c>
      <c r="S6" s="1" t="s">
        <v>83</v>
      </c>
      <c r="T6" s="1" t="s">
        <v>76</v>
      </c>
      <c r="U6" s="1">
        <v>10.7</v>
      </c>
      <c r="V6" s="3">
        <v>2100</v>
      </c>
      <c r="W6" s="1"/>
      <c r="X6" s="1">
        <v>0.56999999999999995</v>
      </c>
      <c r="Y6" s="1">
        <v>3.200000000000000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493</v>
      </c>
      <c r="BC6" s="1">
        <v>0.37</v>
      </c>
      <c r="BD6" s="1">
        <v>0.42</v>
      </c>
      <c r="BE6" s="1"/>
      <c r="BF6" s="1"/>
      <c r="BG6" s="1"/>
      <c r="BH6" s="1"/>
      <c r="BI6" s="1"/>
      <c r="BJ6" s="1"/>
      <c r="BK6" s="1"/>
      <c r="BL6" s="1"/>
      <c r="BM6" s="1" t="s">
        <v>509</v>
      </c>
      <c r="BN6" s="1">
        <v>0.02</v>
      </c>
      <c r="BO6" s="1">
        <v>27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22</v>
      </c>
      <c r="B7" s="2">
        <v>0.37361111111111112</v>
      </c>
      <c r="C7" s="1" t="s">
        <v>477</v>
      </c>
      <c r="D7" s="1" t="s">
        <v>40</v>
      </c>
      <c r="E7" s="1" t="s">
        <v>68</v>
      </c>
      <c r="F7" s="1" t="s">
        <v>410</v>
      </c>
      <c r="G7" s="1" t="s">
        <v>84</v>
      </c>
      <c r="H7" s="1" t="s">
        <v>183</v>
      </c>
      <c r="I7" s="1" t="s">
        <v>83</v>
      </c>
      <c r="J7" s="1" t="s">
        <v>101</v>
      </c>
      <c r="K7" s="1" t="s">
        <v>394</v>
      </c>
      <c r="L7" s="1" t="s">
        <v>32</v>
      </c>
      <c r="N7" s="1" t="s">
        <v>33</v>
      </c>
      <c r="O7" s="1" t="s">
        <v>34</v>
      </c>
      <c r="P7" s="1" t="s">
        <v>35</v>
      </c>
      <c r="Q7" s="1" t="s">
        <v>353</v>
      </c>
      <c r="R7" s="1" t="s">
        <v>210</v>
      </c>
      <c r="S7" s="1" t="s">
        <v>75</v>
      </c>
      <c r="U7" s="1">
        <v>9.9</v>
      </c>
      <c r="V7" s="1"/>
      <c r="W7" s="1"/>
      <c r="X7" s="1">
        <v>0.64</v>
      </c>
      <c r="Y7" s="1">
        <v>3.5000000000000003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494</v>
      </c>
      <c r="AV7" s="1" t="s">
        <v>492</v>
      </c>
      <c r="AW7" s="1" t="s">
        <v>492</v>
      </c>
      <c r="AX7" s="1"/>
      <c r="AY7" s="1"/>
      <c r="AZ7" s="1"/>
      <c r="BA7" s="1"/>
      <c r="BB7" s="1" t="s">
        <v>493</v>
      </c>
      <c r="BC7" s="1">
        <v>0.51</v>
      </c>
      <c r="BD7" s="1">
        <v>0.56000000000000005</v>
      </c>
      <c r="BE7" s="1"/>
      <c r="BF7" s="1"/>
      <c r="BG7" s="1"/>
      <c r="BH7" s="1"/>
      <c r="BI7" s="1"/>
      <c r="BJ7" s="1"/>
      <c r="BK7" s="1" t="s">
        <v>494</v>
      </c>
      <c r="BL7" s="1"/>
      <c r="BM7" s="1">
        <v>0.04</v>
      </c>
      <c r="BN7" s="1">
        <v>3.1E-2</v>
      </c>
      <c r="BO7" s="1">
        <v>22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75</v>
      </c>
      <c r="B8" s="2">
        <v>0.3923611111111111</v>
      </c>
      <c r="C8" s="1" t="s">
        <v>477</v>
      </c>
      <c r="D8" s="1" t="s">
        <v>40</v>
      </c>
      <c r="E8" s="1" t="s">
        <v>68</v>
      </c>
      <c r="F8" s="1" t="s">
        <v>411</v>
      </c>
      <c r="G8" s="1" t="s">
        <v>124</v>
      </c>
      <c r="H8" s="1" t="s">
        <v>394</v>
      </c>
      <c r="I8" s="1" t="s">
        <v>243</v>
      </c>
      <c r="J8" s="1" t="s">
        <v>125</v>
      </c>
      <c r="K8" s="1" t="s">
        <v>412</v>
      </c>
      <c r="L8" s="1" t="s">
        <v>32</v>
      </c>
      <c r="N8" s="1" t="s">
        <v>33</v>
      </c>
      <c r="O8" s="1" t="s">
        <v>34</v>
      </c>
      <c r="P8" s="1" t="s">
        <v>35</v>
      </c>
      <c r="Q8" s="1" t="s">
        <v>134</v>
      </c>
      <c r="R8" s="1" t="s">
        <v>210</v>
      </c>
      <c r="S8" s="1" t="s">
        <v>243</v>
      </c>
      <c r="T8" s="1" t="s">
        <v>39</v>
      </c>
      <c r="U8" s="1">
        <v>9.4</v>
      </c>
      <c r="V8" s="3">
        <v>17000</v>
      </c>
      <c r="W8" s="1" t="s">
        <v>497</v>
      </c>
      <c r="X8" s="1">
        <v>0.66</v>
      </c>
      <c r="Y8" s="1">
        <v>3.4000000000000002E-2</v>
      </c>
      <c r="Z8" s="1">
        <v>1.8E-3</v>
      </c>
      <c r="AA8" s="1" t="s">
        <v>522</v>
      </c>
      <c r="AB8" s="1" t="s">
        <v>529</v>
      </c>
      <c r="AC8" s="1" t="s">
        <v>492</v>
      </c>
      <c r="AD8" s="1" t="s">
        <v>493</v>
      </c>
      <c r="AE8" s="1" t="s">
        <v>494</v>
      </c>
      <c r="AF8" s="1" t="s">
        <v>495</v>
      </c>
      <c r="AG8" s="1">
        <v>7.9000000000000008E-3</v>
      </c>
      <c r="AH8" s="1" t="s">
        <v>494</v>
      </c>
      <c r="AI8" s="1"/>
      <c r="AJ8" s="1" t="s">
        <v>494</v>
      </c>
      <c r="AK8" s="1" t="s">
        <v>498</v>
      </c>
      <c r="AL8" s="1" t="s">
        <v>498</v>
      </c>
      <c r="AM8" s="1" t="s">
        <v>498</v>
      </c>
      <c r="AN8" s="1" t="s">
        <v>498</v>
      </c>
      <c r="AO8" s="1" t="s">
        <v>498</v>
      </c>
      <c r="AP8" t="s">
        <v>498</v>
      </c>
      <c r="AQ8" s="1" t="s">
        <v>498</v>
      </c>
      <c r="AR8" s="1" t="s">
        <v>498</v>
      </c>
      <c r="AS8" s="1" t="s">
        <v>498</v>
      </c>
      <c r="AT8" s="1" t="s">
        <v>496</v>
      </c>
      <c r="AU8" s="1"/>
      <c r="AV8" s="1"/>
      <c r="AW8" s="1"/>
      <c r="AX8" s="1" t="s">
        <v>498</v>
      </c>
      <c r="AY8" s="1" t="s">
        <v>494</v>
      </c>
      <c r="AZ8" s="1" t="s">
        <v>502</v>
      </c>
      <c r="BA8" s="1">
        <v>9.2999999999999999E-2</v>
      </c>
      <c r="BB8" s="1" t="s">
        <v>493</v>
      </c>
      <c r="BC8" s="1">
        <v>0.56000000000000005</v>
      </c>
      <c r="BD8" s="1">
        <v>0.61</v>
      </c>
      <c r="BE8" s="1" t="s">
        <v>504</v>
      </c>
      <c r="BF8" s="1"/>
      <c r="BG8" s="1"/>
      <c r="BH8" s="1"/>
      <c r="BI8" s="1"/>
      <c r="BJ8" s="1"/>
      <c r="BK8" s="1"/>
      <c r="BL8" s="1"/>
      <c r="BM8" s="1" t="s">
        <v>509</v>
      </c>
      <c r="BN8" s="1">
        <v>3.2000000000000001E-2</v>
      </c>
      <c r="BO8" s="1">
        <v>24</v>
      </c>
      <c r="BP8" s="1">
        <v>24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78</v>
      </c>
      <c r="B9" s="2">
        <v>0.37847222222222227</v>
      </c>
      <c r="C9" s="1" t="s">
        <v>477</v>
      </c>
      <c r="D9" s="1" t="s">
        <v>40</v>
      </c>
      <c r="E9" s="1" t="s">
        <v>68</v>
      </c>
      <c r="F9" s="1" t="s">
        <v>315</v>
      </c>
      <c r="G9" s="1" t="s">
        <v>194</v>
      </c>
      <c r="H9" s="1" t="s">
        <v>348</v>
      </c>
      <c r="I9" s="1" t="s">
        <v>83</v>
      </c>
      <c r="J9" s="1" t="s">
        <v>101</v>
      </c>
      <c r="K9" s="1" t="s">
        <v>413</v>
      </c>
      <c r="L9" s="1" t="s">
        <v>32</v>
      </c>
      <c r="N9" s="1" t="s">
        <v>33</v>
      </c>
      <c r="O9" s="1" t="s">
        <v>34</v>
      </c>
      <c r="P9" s="1" t="s">
        <v>35</v>
      </c>
      <c r="Q9" s="1" t="s">
        <v>63</v>
      </c>
      <c r="R9" s="1" t="s">
        <v>135</v>
      </c>
      <c r="S9" s="1" t="s">
        <v>56</v>
      </c>
      <c r="U9" s="1">
        <v>9.6999999999999993</v>
      </c>
      <c r="V9" s="1"/>
      <c r="W9" s="1"/>
      <c r="X9" s="1">
        <v>0.64</v>
      </c>
      <c r="Y9" s="1">
        <v>3.5000000000000003E-2</v>
      </c>
      <c r="Z9" s="1"/>
      <c r="AA9" s="1" t="s">
        <v>525</v>
      </c>
      <c r="AB9" s="1" t="s">
        <v>525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493</v>
      </c>
      <c r="BC9" s="1">
        <v>0.57999999999999996</v>
      </c>
      <c r="BD9" s="1">
        <v>0.63</v>
      </c>
      <c r="BE9" s="1" t="s">
        <v>525</v>
      </c>
      <c r="BF9" s="1"/>
      <c r="BG9" s="1"/>
      <c r="BH9" s="1"/>
      <c r="BI9" s="1"/>
      <c r="BJ9" s="1"/>
      <c r="BK9" s="1"/>
      <c r="BL9" s="1"/>
      <c r="BM9" s="1" t="s">
        <v>509</v>
      </c>
      <c r="BN9" s="1">
        <v>2.5000000000000001E-2</v>
      </c>
      <c r="BO9" s="1">
        <v>22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79</v>
      </c>
      <c r="B10" s="2">
        <v>0.37847222222222227</v>
      </c>
      <c r="C10" s="1" t="s">
        <v>477</v>
      </c>
      <c r="D10" s="1" t="s">
        <v>67</v>
      </c>
      <c r="E10" s="1" t="s">
        <v>68</v>
      </c>
      <c r="F10" s="1" t="s">
        <v>414</v>
      </c>
      <c r="G10" s="1" t="s">
        <v>42</v>
      </c>
      <c r="H10" s="1" t="s">
        <v>138</v>
      </c>
      <c r="I10" s="1" t="s">
        <v>415</v>
      </c>
      <c r="J10" s="1" t="s">
        <v>125</v>
      </c>
      <c r="K10" s="1" t="s">
        <v>167</v>
      </c>
      <c r="L10" s="1" t="s">
        <v>32</v>
      </c>
      <c r="N10" s="1" t="s">
        <v>282</v>
      </c>
      <c r="O10" s="1" t="s">
        <v>34</v>
      </c>
      <c r="P10" s="1" t="s">
        <v>35</v>
      </c>
      <c r="Q10" s="1" t="s">
        <v>55</v>
      </c>
      <c r="R10" s="1" t="s">
        <v>210</v>
      </c>
      <c r="S10" s="1" t="s">
        <v>38</v>
      </c>
      <c r="T10" s="1" t="s">
        <v>119</v>
      </c>
      <c r="U10" s="1">
        <v>11.2</v>
      </c>
      <c r="V10" s="3">
        <v>13000</v>
      </c>
      <c r="W10" s="1"/>
      <c r="X10" s="1">
        <v>0.71</v>
      </c>
      <c r="Y10" s="1">
        <v>2.5999999999999999E-2</v>
      </c>
      <c r="Z10" s="1"/>
      <c r="AA10" s="1" t="s">
        <v>525</v>
      </c>
      <c r="AB10" s="1" t="s">
        <v>525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493</v>
      </c>
      <c r="BC10" s="1">
        <v>0.64</v>
      </c>
      <c r="BD10" s="1">
        <v>0.69</v>
      </c>
      <c r="BE10" s="1" t="s">
        <v>525</v>
      </c>
      <c r="BF10" s="1" t="s">
        <v>504</v>
      </c>
      <c r="BG10" s="1">
        <v>8.0000000000000004E-4</v>
      </c>
      <c r="BH10" s="1" t="s">
        <v>495</v>
      </c>
      <c r="BI10" s="1" t="s">
        <v>493</v>
      </c>
      <c r="BJ10" s="1" t="s">
        <v>504</v>
      </c>
      <c r="BK10" s="1"/>
      <c r="BL10" s="1" t="s">
        <v>511</v>
      </c>
      <c r="BM10" s="1" t="s">
        <v>509</v>
      </c>
      <c r="BN10" s="1">
        <v>2.3E-2</v>
      </c>
      <c r="BO10" s="1">
        <v>28</v>
      </c>
      <c r="BP10" s="1"/>
      <c r="BQ10" s="1"/>
      <c r="BR10" s="1" t="s">
        <v>510</v>
      </c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6</v>
      </c>
      <c r="B11" s="2">
        <v>0.37847222222222227</v>
      </c>
      <c r="C11" s="1" t="s">
        <v>477</v>
      </c>
      <c r="D11" s="1" t="s">
        <v>67</v>
      </c>
      <c r="E11" s="1" t="s">
        <v>68</v>
      </c>
      <c r="F11" s="1" t="s">
        <v>193</v>
      </c>
      <c r="G11" s="1" t="s">
        <v>284</v>
      </c>
      <c r="H11" s="1" t="s">
        <v>227</v>
      </c>
      <c r="I11" s="1" t="s">
        <v>105</v>
      </c>
      <c r="J11" s="1" t="s">
        <v>125</v>
      </c>
      <c r="K11" s="1" t="s">
        <v>416</v>
      </c>
      <c r="L11" s="1" t="s">
        <v>32</v>
      </c>
      <c r="N11" s="1" t="s">
        <v>33</v>
      </c>
      <c r="O11" s="1" t="s">
        <v>34</v>
      </c>
      <c r="P11" s="1" t="s">
        <v>35</v>
      </c>
      <c r="Q11" s="1" t="s">
        <v>63</v>
      </c>
      <c r="R11" s="1" t="s">
        <v>210</v>
      </c>
      <c r="S11" s="1" t="s">
        <v>38</v>
      </c>
      <c r="U11" s="1">
        <v>10.199999999999999</v>
      </c>
      <c r="V11" s="1"/>
      <c r="W11" s="1"/>
      <c r="X11" s="1">
        <v>0.65</v>
      </c>
      <c r="Y11" s="1">
        <v>4.3999999999999997E-2</v>
      </c>
      <c r="Z11" s="1"/>
      <c r="AA11" s="1" t="s">
        <v>525</v>
      </c>
      <c r="AB11" s="1" t="s">
        <v>525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493</v>
      </c>
      <c r="BC11" s="1">
        <v>0.56999999999999995</v>
      </c>
      <c r="BD11" s="1">
        <v>0.62</v>
      </c>
      <c r="BE11" s="1" t="s">
        <v>525</v>
      </c>
      <c r="BF11" s="1"/>
      <c r="BG11" s="1"/>
      <c r="BH11" s="1"/>
      <c r="BI11" s="1"/>
      <c r="BJ11" s="1"/>
      <c r="BK11" s="1"/>
      <c r="BL11" s="1"/>
      <c r="BM11" s="1" t="s">
        <v>509</v>
      </c>
      <c r="BN11" s="1">
        <v>3.3000000000000002E-2</v>
      </c>
      <c r="BO11" s="1">
        <v>26</v>
      </c>
      <c r="BP11" s="1">
        <v>31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11</v>
      </c>
      <c r="B12" s="2">
        <v>0.37361111111111112</v>
      </c>
      <c r="C12" s="1" t="s">
        <v>477</v>
      </c>
      <c r="D12" s="1" t="s">
        <v>67</v>
      </c>
      <c r="E12" s="1" t="s">
        <v>398</v>
      </c>
      <c r="F12" s="1" t="s">
        <v>280</v>
      </c>
      <c r="G12" s="1" t="s">
        <v>42</v>
      </c>
      <c r="H12" s="1" t="s">
        <v>133</v>
      </c>
      <c r="I12" s="1" t="s">
        <v>105</v>
      </c>
      <c r="J12" s="1" t="s">
        <v>308</v>
      </c>
      <c r="K12" s="1" t="s">
        <v>397</v>
      </c>
      <c r="L12" s="1" t="s">
        <v>32</v>
      </c>
      <c r="N12" s="1" t="s">
        <v>33</v>
      </c>
      <c r="O12" s="1" t="s">
        <v>34</v>
      </c>
      <c r="P12" s="1" t="s">
        <v>35</v>
      </c>
      <c r="Q12" s="1" t="s">
        <v>55</v>
      </c>
      <c r="R12" s="1" t="s">
        <v>105</v>
      </c>
      <c r="S12" s="1" t="s">
        <v>83</v>
      </c>
      <c r="T12" s="1" t="s">
        <v>301</v>
      </c>
      <c r="U12" s="1">
        <v>10.199999999999999</v>
      </c>
      <c r="V12" s="3">
        <v>7900</v>
      </c>
      <c r="W12" s="1"/>
      <c r="X12" s="1">
        <v>0.84</v>
      </c>
      <c r="Y12" s="1">
        <v>5.1999999999999998E-2</v>
      </c>
      <c r="Z12" s="1"/>
      <c r="AA12" s="1" t="s">
        <v>525</v>
      </c>
      <c r="AB12" s="1" t="s">
        <v>525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493</v>
      </c>
      <c r="BC12" s="1">
        <v>0.59</v>
      </c>
      <c r="BD12" s="1">
        <v>0.64</v>
      </c>
      <c r="BE12" s="1" t="s">
        <v>525</v>
      </c>
      <c r="BF12" s="1"/>
      <c r="BG12" s="1"/>
      <c r="BH12" s="1"/>
      <c r="BI12" s="1"/>
      <c r="BJ12" s="1"/>
      <c r="BK12" s="1"/>
      <c r="BL12" s="1"/>
      <c r="BM12" s="1" t="s">
        <v>509</v>
      </c>
      <c r="BN12" s="1">
        <v>3.5000000000000003E-2</v>
      </c>
      <c r="BO12" s="1">
        <v>26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228</v>
      </c>
      <c r="B13" s="2">
        <v>0.36805555555555558</v>
      </c>
      <c r="C13" s="1" t="s">
        <v>477</v>
      </c>
      <c r="D13" s="1" t="s">
        <v>288</v>
      </c>
      <c r="E13" s="1" t="s">
        <v>68</v>
      </c>
      <c r="F13" s="1" t="s">
        <v>289</v>
      </c>
      <c r="G13" s="1" t="s">
        <v>362</v>
      </c>
      <c r="H13" s="1" t="s">
        <v>227</v>
      </c>
      <c r="I13" s="1" t="s">
        <v>187</v>
      </c>
      <c r="J13" s="1" t="s">
        <v>125</v>
      </c>
      <c r="K13" s="1" t="s">
        <v>416</v>
      </c>
      <c r="L13" s="1" t="s">
        <v>32</v>
      </c>
      <c r="N13" s="1" t="s">
        <v>33</v>
      </c>
      <c r="O13" s="1" t="s">
        <v>34</v>
      </c>
      <c r="P13" s="1" t="s">
        <v>35</v>
      </c>
      <c r="Q13" s="1" t="s">
        <v>161</v>
      </c>
      <c r="R13" s="1" t="s">
        <v>37</v>
      </c>
      <c r="S13" s="1" t="s">
        <v>89</v>
      </c>
      <c r="U13" s="1">
        <v>11.4</v>
      </c>
      <c r="V13" s="1"/>
      <c r="W13" s="1"/>
      <c r="X13" s="1">
        <v>0.71</v>
      </c>
      <c r="Y13" s="1">
        <v>5.1999999999999998E-2</v>
      </c>
      <c r="Z13" s="1"/>
      <c r="AA13" s="1" t="s">
        <v>525</v>
      </c>
      <c r="AB13" s="1" t="s">
        <v>525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61</v>
      </c>
      <c r="BD13" s="1">
        <v>0.66</v>
      </c>
      <c r="BE13" s="1" t="s">
        <v>525</v>
      </c>
      <c r="BF13" s="1"/>
      <c r="BG13" s="1"/>
      <c r="BH13" s="1"/>
      <c r="BI13" s="1"/>
      <c r="BJ13" s="1"/>
      <c r="BK13" s="1"/>
      <c r="BL13" s="1"/>
      <c r="BM13" s="1" t="s">
        <v>509</v>
      </c>
      <c r="BN13" s="1">
        <v>0.04</v>
      </c>
      <c r="BO13" s="1">
        <v>34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90</v>
      </c>
      <c r="B14" s="2">
        <v>0.42499999999999999</v>
      </c>
      <c r="C14" s="1" t="s">
        <v>477</v>
      </c>
      <c r="D14" s="1" t="s">
        <v>40</v>
      </c>
      <c r="E14" s="1" t="s">
        <v>482</v>
      </c>
      <c r="F14" s="1" t="s">
        <v>362</v>
      </c>
      <c r="G14" s="1" t="s">
        <v>417</v>
      </c>
      <c r="H14" s="1" t="s">
        <v>266</v>
      </c>
      <c r="I14" s="1" t="s">
        <v>179</v>
      </c>
      <c r="J14" s="1" t="s">
        <v>212</v>
      </c>
      <c r="K14" s="1" t="s">
        <v>144</v>
      </c>
      <c r="L14" s="1" t="s">
        <v>32</v>
      </c>
      <c r="N14" s="1" t="s">
        <v>33</v>
      </c>
      <c r="O14" s="1" t="s">
        <v>34</v>
      </c>
      <c r="P14" s="1" t="s">
        <v>35</v>
      </c>
      <c r="Q14" s="1" t="s">
        <v>55</v>
      </c>
      <c r="R14" s="1" t="s">
        <v>210</v>
      </c>
      <c r="S14" s="1" t="s">
        <v>75</v>
      </c>
      <c r="T14" s="1" t="s">
        <v>65</v>
      </c>
      <c r="U14" s="1">
        <v>11.2</v>
      </c>
      <c r="V14" s="3">
        <v>4900</v>
      </c>
      <c r="W14" s="1" t="s">
        <v>497</v>
      </c>
      <c r="X14" s="1">
        <v>0.69</v>
      </c>
      <c r="Y14" s="1">
        <v>6.6000000000000003E-2</v>
      </c>
      <c r="Z14" s="1">
        <v>9.1999999999999998E-3</v>
      </c>
      <c r="AA14" s="1" t="s">
        <v>522</v>
      </c>
      <c r="AB14" s="1" t="s">
        <v>530</v>
      </c>
      <c r="AC14" s="1" t="s">
        <v>492</v>
      </c>
      <c r="AD14" s="1" t="s">
        <v>493</v>
      </c>
      <c r="AE14" s="1" t="s">
        <v>494</v>
      </c>
      <c r="AF14" s="1" t="s">
        <v>495</v>
      </c>
      <c r="AG14" s="1">
        <v>0.01</v>
      </c>
      <c r="AH14" s="1" t="s">
        <v>494</v>
      </c>
      <c r="AI14" s="1"/>
      <c r="AJ14" s="1" t="s">
        <v>494</v>
      </c>
      <c r="AK14" s="1" t="s">
        <v>498</v>
      </c>
      <c r="AL14" s="1" t="s">
        <v>498</v>
      </c>
      <c r="AM14" s="1" t="s">
        <v>498</v>
      </c>
      <c r="AN14" s="1" t="s">
        <v>498</v>
      </c>
      <c r="AO14" s="1" t="s">
        <v>498</v>
      </c>
      <c r="AP14" t="s">
        <v>498</v>
      </c>
      <c r="AQ14" s="1" t="s">
        <v>498</v>
      </c>
      <c r="AR14" s="1" t="s">
        <v>498</v>
      </c>
      <c r="AS14" s="1" t="s">
        <v>498</v>
      </c>
      <c r="AT14" s="1" t="s">
        <v>496</v>
      </c>
      <c r="AU14" s="1"/>
      <c r="AV14" s="1"/>
      <c r="AW14" s="1"/>
      <c r="AX14" s="1" t="s">
        <v>498</v>
      </c>
      <c r="AY14" s="1" t="s">
        <v>494</v>
      </c>
      <c r="AZ14" s="1" t="s">
        <v>502</v>
      </c>
      <c r="BA14" s="1">
        <v>0.13</v>
      </c>
      <c r="BB14" s="1" t="s">
        <v>493</v>
      </c>
      <c r="BC14" s="1">
        <v>0.6</v>
      </c>
      <c r="BD14" s="1">
        <v>0.65</v>
      </c>
      <c r="BE14" s="1" t="s">
        <v>504</v>
      </c>
      <c r="BF14" s="1"/>
      <c r="BG14" s="1"/>
      <c r="BH14" s="1"/>
      <c r="BI14" s="1"/>
      <c r="BJ14" s="1"/>
      <c r="BK14" s="1"/>
      <c r="BL14" s="1"/>
      <c r="BM14" s="1" t="s">
        <v>509</v>
      </c>
      <c r="BN14" s="1">
        <v>4.5999999999999999E-2</v>
      </c>
      <c r="BO14" s="1">
        <v>30</v>
      </c>
      <c r="BP14" s="1">
        <v>38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48</v>
      </c>
      <c r="B15" s="2">
        <v>0.36458333333333331</v>
      </c>
      <c r="C15" s="1" t="s">
        <v>477</v>
      </c>
      <c r="D15" s="1" t="s">
        <v>40</v>
      </c>
      <c r="E15" s="1" t="s">
        <v>483</v>
      </c>
      <c r="F15" s="1" t="s">
        <v>252</v>
      </c>
      <c r="G15" s="1" t="s">
        <v>418</v>
      </c>
      <c r="H15" s="1" t="s">
        <v>133</v>
      </c>
      <c r="I15" s="1" t="s">
        <v>179</v>
      </c>
      <c r="J15" s="1" t="s">
        <v>308</v>
      </c>
      <c r="K15" s="1" t="s">
        <v>392</v>
      </c>
      <c r="L15" s="1" t="s">
        <v>32</v>
      </c>
      <c r="N15" s="1" t="s">
        <v>33</v>
      </c>
      <c r="O15" s="1" t="s">
        <v>34</v>
      </c>
      <c r="P15" s="1" t="s">
        <v>35</v>
      </c>
      <c r="Q15" s="1" t="s">
        <v>161</v>
      </c>
      <c r="R15" s="1" t="s">
        <v>210</v>
      </c>
      <c r="S15" s="1" t="s">
        <v>74</v>
      </c>
      <c r="U15" s="1">
        <v>11</v>
      </c>
      <c r="V15" s="1"/>
      <c r="W15" s="1"/>
      <c r="X15" s="1">
        <v>0.83</v>
      </c>
      <c r="Y15" s="1">
        <v>5.6000000000000001E-2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494</v>
      </c>
      <c r="AV15" s="1" t="s">
        <v>492</v>
      </c>
      <c r="AW15" s="1" t="s">
        <v>492</v>
      </c>
      <c r="AX15" s="1"/>
      <c r="AY15" s="1"/>
      <c r="AZ15" s="1"/>
      <c r="BA15" s="1"/>
      <c r="BB15" s="1" t="s">
        <v>493</v>
      </c>
      <c r="BC15" s="1">
        <v>0.63</v>
      </c>
      <c r="BD15" s="1">
        <v>0.68</v>
      </c>
      <c r="BE15" s="1"/>
      <c r="BF15" s="1"/>
      <c r="BG15" s="1"/>
      <c r="BH15" s="1"/>
      <c r="BI15" s="1"/>
      <c r="BJ15" s="1"/>
      <c r="BK15" s="1"/>
      <c r="BL15" s="1"/>
      <c r="BM15" s="1" t="s">
        <v>509</v>
      </c>
      <c r="BN15" s="1">
        <v>4.2000000000000003E-2</v>
      </c>
      <c r="BO15" s="1">
        <v>3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山王橋</vt:lpstr>
      <vt:lpstr>函嶺もみじ橋</vt:lpstr>
      <vt:lpstr>早川橋</vt:lpstr>
      <vt:lpstr>吉浜橋</vt:lpstr>
      <vt:lpstr>千歳橋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9:18Z</dcterms:created>
  <dcterms:modified xsi:type="dcterms:W3CDTF">2020-03-21T09:04:22Z</dcterms:modified>
</cp:coreProperties>
</file>